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56" r:id="rId2"/>
    <p:sldId id="267" r:id="rId3"/>
    <p:sldId id="259" r:id="rId4"/>
    <p:sldId id="262" r:id="rId5"/>
    <p:sldId id="263" r:id="rId6"/>
    <p:sldId id="270" r:id="rId7"/>
    <p:sldId id="271" r:id="rId8"/>
    <p:sldId id="260" r:id="rId9"/>
    <p:sldId id="261" r:id="rId10"/>
    <p:sldId id="264" r:id="rId11"/>
    <p:sldId id="266" r:id="rId12"/>
    <p:sldId id="265" r:id="rId13"/>
  </p:sldIdLst>
  <p:sldSz cx="9144000" cy="6858000" type="screen4x3"/>
  <p:notesSz cx="6858000" cy="9144000"/>
  <p:defaultTextStyle>
    <a:defPPr>
      <a:defRPr lang="ru-RU"/>
    </a:defPPr>
    <a:lvl1pPr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CEAFE"/>
    <a:srgbClr val="6D6565"/>
    <a:srgbClr val="CEF3FE"/>
    <a:srgbClr val="19D0D9"/>
    <a:srgbClr val="FD3131"/>
    <a:srgbClr val="32E6AA"/>
    <a:srgbClr val="C969B4"/>
    <a:srgbClr val="B889DB"/>
    <a:srgbClr val="7C9DDE"/>
    <a:srgbClr val="F4860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527" autoAdjust="0"/>
    <p:restoredTop sz="94660"/>
  </p:normalViewPr>
  <p:slideViewPr>
    <p:cSldViewPr>
      <p:cViewPr varScale="1">
        <p:scale>
          <a:sx n="92" d="100"/>
          <a:sy n="92" d="100"/>
        </p:scale>
        <p:origin x="1650" y="78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>
      <p:cViewPr varScale="1">
        <p:scale>
          <a:sx n="66" d="100"/>
          <a:sy n="66" d="100"/>
        </p:scale>
        <p:origin x="-1716" y="-10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20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3B6859F-497B-4D18-900D-46C191DE6763}" type="doc">
      <dgm:prSet loTypeId="urn:microsoft.com/office/officeart/2009/3/layout/DescendingProcess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022519D-CCC8-4F1D-881E-32920F49334C}">
      <dgm:prSet phldrT="[Text]"/>
      <dgm:spPr/>
      <dgm:t>
        <a:bodyPr/>
        <a:lstStyle/>
        <a:p>
          <a:endParaRPr lang="en-US" dirty="0"/>
        </a:p>
      </dgm:t>
    </dgm:pt>
    <dgm:pt modelId="{F475D665-5421-4A5D-81D2-920E82C3F334}" type="sibTrans" cxnId="{98A5B8CD-577D-450B-A22C-8F9722325B69}">
      <dgm:prSet/>
      <dgm:spPr/>
      <dgm:t>
        <a:bodyPr/>
        <a:lstStyle/>
        <a:p>
          <a:endParaRPr lang="en-US"/>
        </a:p>
      </dgm:t>
    </dgm:pt>
    <dgm:pt modelId="{A9588FCB-B36C-4CEA-9E74-409BB45249B7}" type="parTrans" cxnId="{98A5B8CD-577D-450B-A22C-8F9722325B69}">
      <dgm:prSet/>
      <dgm:spPr/>
      <dgm:t>
        <a:bodyPr/>
        <a:lstStyle/>
        <a:p>
          <a:endParaRPr lang="en-US"/>
        </a:p>
      </dgm:t>
    </dgm:pt>
    <dgm:pt modelId="{756032C4-C92C-4061-8F95-F837B823D549}" type="pres">
      <dgm:prSet presAssocID="{63B6859F-497B-4D18-900D-46C191DE6763}" presName="Name0" presStyleCnt="0">
        <dgm:presLayoutVars>
          <dgm:chMax val="7"/>
          <dgm:chPref val="5"/>
        </dgm:presLayoutVars>
      </dgm:prSet>
      <dgm:spPr/>
    </dgm:pt>
    <dgm:pt modelId="{0657B8E5-5FB2-4E92-BF58-DF3D891800AE}" type="pres">
      <dgm:prSet presAssocID="{63B6859F-497B-4D18-900D-46C191DE6763}" presName="arrowNode" presStyleLbl="node1" presStyleIdx="0" presStyleCnt="1" custLinFactNeighborX="-9081" custLinFactNeighborY="-8009"/>
      <dgm:spPr>
        <a:solidFill>
          <a:schemeClr val="bg1">
            <a:lumMod val="75000"/>
          </a:schemeClr>
        </a:solidFill>
      </dgm:spPr>
    </dgm:pt>
    <dgm:pt modelId="{53172D6F-4B65-4823-A501-D6C0DB30DFDB}" type="pres">
      <dgm:prSet presAssocID="{0022519D-CCC8-4F1D-881E-32920F49334C}" presName="txNode1" presStyleLbl="revTx" presStyleIdx="0" presStyleCnt="1" custScaleX="82715" custLinFactNeighborX="74553" custLinFactNeighborY="72696">
        <dgm:presLayoutVars>
          <dgm:bulletEnabled val="1"/>
        </dgm:presLayoutVars>
      </dgm:prSet>
      <dgm:spPr/>
    </dgm:pt>
  </dgm:ptLst>
  <dgm:cxnLst>
    <dgm:cxn modelId="{341FA010-0623-4367-8AFF-4006450211B1}" type="presOf" srcId="{63B6859F-497B-4D18-900D-46C191DE6763}" destId="{756032C4-C92C-4061-8F95-F837B823D549}" srcOrd="0" destOrd="0" presId="urn:microsoft.com/office/officeart/2009/3/layout/DescendingProcess"/>
    <dgm:cxn modelId="{98A5B8CD-577D-450B-A22C-8F9722325B69}" srcId="{63B6859F-497B-4D18-900D-46C191DE6763}" destId="{0022519D-CCC8-4F1D-881E-32920F49334C}" srcOrd="0" destOrd="0" parTransId="{A9588FCB-B36C-4CEA-9E74-409BB45249B7}" sibTransId="{F475D665-5421-4A5D-81D2-920E82C3F334}"/>
    <dgm:cxn modelId="{2098FAEF-E44E-47C5-A93D-C97ED5712C50}" type="presOf" srcId="{0022519D-CCC8-4F1D-881E-32920F49334C}" destId="{53172D6F-4B65-4823-A501-D6C0DB30DFDB}" srcOrd="0" destOrd="0" presId="urn:microsoft.com/office/officeart/2009/3/layout/DescendingProcess"/>
    <dgm:cxn modelId="{725FE2B3-6679-4D28-96A0-485FFC111590}" type="presParOf" srcId="{756032C4-C92C-4061-8F95-F837B823D549}" destId="{0657B8E5-5FB2-4E92-BF58-DF3D891800AE}" srcOrd="0" destOrd="0" presId="urn:microsoft.com/office/officeart/2009/3/layout/DescendingProcess"/>
    <dgm:cxn modelId="{1705E8E3-6802-4E3D-8094-280AC6B44DEB}" type="presParOf" srcId="{756032C4-C92C-4061-8F95-F837B823D549}" destId="{53172D6F-4B65-4823-A501-D6C0DB30DFDB}" srcOrd="1" destOrd="0" presId="urn:microsoft.com/office/officeart/2009/3/layout/DescendingProcess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F133638-A913-4191-8026-251F240B3119}" type="doc">
      <dgm:prSet loTypeId="urn:microsoft.com/office/officeart/2005/8/layout/hProcess11" loCatId="process" qsTypeId="urn:microsoft.com/office/officeart/2005/8/quickstyle/simple1" qsCatId="simple" csTypeId="urn:microsoft.com/office/officeart/2005/8/colors/accent1_2" csCatId="accent1" phldr="1"/>
      <dgm:spPr/>
    </dgm:pt>
    <dgm:pt modelId="{5924B359-D8A7-46CF-8DB5-1831EA6E09DB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17D86D60-30BF-415B-BAF8-96E9C0227D9F}" type="parTrans" cxnId="{B577CA29-6DD8-4603-B8B6-C4A45B33310C}">
      <dgm:prSet/>
      <dgm:spPr/>
      <dgm:t>
        <a:bodyPr/>
        <a:lstStyle/>
        <a:p>
          <a:endParaRPr lang="en-US"/>
        </a:p>
      </dgm:t>
    </dgm:pt>
    <dgm:pt modelId="{4B3FB064-9947-4BF1-927C-12CCF5610580}" type="sibTrans" cxnId="{B577CA29-6DD8-4603-B8B6-C4A45B33310C}">
      <dgm:prSet/>
      <dgm:spPr/>
      <dgm:t>
        <a:bodyPr/>
        <a:lstStyle/>
        <a:p>
          <a:endParaRPr lang="en-US"/>
        </a:p>
      </dgm:t>
    </dgm:pt>
    <dgm:pt modelId="{2F57B829-2537-4D87-9E8F-432FB9F48130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4B05FE4F-E07D-42C1-A31C-5083A6BEC001}" type="parTrans" cxnId="{71C43EBD-5971-40C2-B788-F330EEA80414}">
      <dgm:prSet/>
      <dgm:spPr/>
      <dgm:t>
        <a:bodyPr/>
        <a:lstStyle/>
        <a:p>
          <a:endParaRPr lang="en-US"/>
        </a:p>
      </dgm:t>
    </dgm:pt>
    <dgm:pt modelId="{FE0BBC87-6E09-420E-ADA4-AC84C1DBF9FF}" type="sibTrans" cxnId="{71C43EBD-5971-40C2-B788-F330EEA80414}">
      <dgm:prSet/>
      <dgm:spPr/>
      <dgm:t>
        <a:bodyPr/>
        <a:lstStyle/>
        <a:p>
          <a:endParaRPr lang="en-US"/>
        </a:p>
      </dgm:t>
    </dgm:pt>
    <dgm:pt modelId="{2960BCB4-C970-4810-933A-FC79BCFA6C8D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F22A73DA-6186-4970-B028-BD5609732A20}" type="sibTrans" cxnId="{B4E3D218-E349-4FEE-832E-634B04ABC532}">
      <dgm:prSet/>
      <dgm:spPr/>
      <dgm:t>
        <a:bodyPr/>
        <a:lstStyle/>
        <a:p>
          <a:endParaRPr lang="en-US"/>
        </a:p>
      </dgm:t>
    </dgm:pt>
    <dgm:pt modelId="{0637AF96-9B22-4818-BF1F-55463DD349E1}" type="parTrans" cxnId="{B4E3D218-E349-4FEE-832E-634B04ABC532}">
      <dgm:prSet/>
      <dgm:spPr/>
      <dgm:t>
        <a:bodyPr/>
        <a:lstStyle/>
        <a:p>
          <a:endParaRPr lang="en-US"/>
        </a:p>
      </dgm:t>
    </dgm:pt>
    <dgm:pt modelId="{3C4BCC7F-00CF-4FE0-829A-3A3443DD08A1}">
      <dgm:prSet phldrT="[Text]"/>
      <dgm:spPr/>
      <dgm:t>
        <a:bodyPr/>
        <a:lstStyle/>
        <a:p>
          <a:endParaRPr lang="en-US" dirty="0"/>
        </a:p>
      </dgm:t>
    </dgm:pt>
    <dgm:pt modelId="{2953F1F3-02A1-41A3-B34D-684D553F2F61}" type="parTrans" cxnId="{CCB34809-0C54-4FA4-9D9C-3A92552C5F50}">
      <dgm:prSet/>
      <dgm:spPr/>
      <dgm:t>
        <a:bodyPr/>
        <a:lstStyle/>
        <a:p>
          <a:endParaRPr lang="en-US"/>
        </a:p>
      </dgm:t>
    </dgm:pt>
    <dgm:pt modelId="{F6EFB62F-2F07-4318-B960-59BCAB133160}" type="sibTrans" cxnId="{CCB34809-0C54-4FA4-9D9C-3A92552C5F50}">
      <dgm:prSet/>
      <dgm:spPr/>
      <dgm:t>
        <a:bodyPr/>
        <a:lstStyle/>
        <a:p>
          <a:endParaRPr lang="en-US"/>
        </a:p>
      </dgm:t>
    </dgm:pt>
    <dgm:pt modelId="{E7F157AD-D46A-4083-A6B5-1A0DCF064560}">
      <dgm:prSet phldrT="[Text]"/>
      <dgm:spPr/>
      <dgm:t>
        <a:bodyPr/>
        <a:lstStyle/>
        <a:p>
          <a:endParaRPr lang="en-US" dirty="0"/>
        </a:p>
      </dgm:t>
    </dgm:pt>
    <dgm:pt modelId="{D32231D6-18F0-4A28-824F-0DC4AFBC8A82}" type="parTrans" cxnId="{E22D1975-7415-4FAC-A8C2-18FD980BFAE6}">
      <dgm:prSet/>
      <dgm:spPr/>
      <dgm:t>
        <a:bodyPr/>
        <a:lstStyle/>
        <a:p>
          <a:endParaRPr lang="en-US"/>
        </a:p>
      </dgm:t>
    </dgm:pt>
    <dgm:pt modelId="{CA6A1DE7-B93B-4185-AEF8-AE0F5B2B812C}" type="sibTrans" cxnId="{E22D1975-7415-4FAC-A8C2-18FD980BFAE6}">
      <dgm:prSet/>
      <dgm:spPr/>
      <dgm:t>
        <a:bodyPr/>
        <a:lstStyle/>
        <a:p>
          <a:endParaRPr lang="en-US"/>
        </a:p>
      </dgm:t>
    </dgm:pt>
    <dgm:pt modelId="{C1053D8C-82E5-410C-BC12-7AB038B3B44D}" type="pres">
      <dgm:prSet presAssocID="{7F133638-A913-4191-8026-251F240B3119}" presName="Name0" presStyleCnt="0">
        <dgm:presLayoutVars>
          <dgm:dir/>
          <dgm:resizeHandles val="exact"/>
        </dgm:presLayoutVars>
      </dgm:prSet>
      <dgm:spPr/>
    </dgm:pt>
    <dgm:pt modelId="{12F3A5DE-ED67-44F6-B776-1ED4425A7F9D}" type="pres">
      <dgm:prSet presAssocID="{7F133638-A913-4191-8026-251F240B3119}" presName="arrow" presStyleLbl="bgShp" presStyleIdx="0" presStyleCnt="1" custScaleY="76694"/>
      <dgm:spPr>
        <a:solidFill>
          <a:srgbClr val="00B0F0"/>
        </a:solidFill>
      </dgm:spPr>
    </dgm:pt>
    <dgm:pt modelId="{9095FB2E-7C8E-4AE0-BB41-DB02E05ECEB3}" type="pres">
      <dgm:prSet presAssocID="{7F133638-A913-4191-8026-251F240B3119}" presName="points" presStyleCnt="0"/>
      <dgm:spPr/>
    </dgm:pt>
    <dgm:pt modelId="{72F8E74D-6D96-43B2-9A59-C907B37E2E46}" type="pres">
      <dgm:prSet presAssocID="{2960BCB4-C970-4810-933A-FC79BCFA6C8D}" presName="compositeA" presStyleCnt="0"/>
      <dgm:spPr/>
    </dgm:pt>
    <dgm:pt modelId="{D8EE56E2-1596-4A95-948F-F5939294F5AE}" type="pres">
      <dgm:prSet presAssocID="{2960BCB4-C970-4810-933A-FC79BCFA6C8D}" presName="textA" presStyleLbl="revTx" presStyleIdx="0" presStyleCnt="5">
        <dgm:presLayoutVars>
          <dgm:bulletEnabled val="1"/>
        </dgm:presLayoutVars>
      </dgm:prSet>
      <dgm:spPr/>
    </dgm:pt>
    <dgm:pt modelId="{D214C946-F86B-4BB9-9234-A8285BAC810D}" type="pres">
      <dgm:prSet presAssocID="{2960BCB4-C970-4810-933A-FC79BCFA6C8D}" presName="circleA" presStyleLbl="node1" presStyleIdx="0" presStyleCnt="5"/>
      <dgm:spPr>
        <a:xfrm>
          <a:off x="821507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14CF28CC-3FDA-43DB-8F5B-054DCD576490}" type="pres">
      <dgm:prSet presAssocID="{2960BCB4-C970-4810-933A-FC79BCFA6C8D}" presName="spaceA" presStyleCnt="0"/>
      <dgm:spPr/>
    </dgm:pt>
    <dgm:pt modelId="{6108858A-964C-490F-BF4F-32041B61B526}" type="pres">
      <dgm:prSet presAssocID="{F22A73DA-6186-4970-B028-BD5609732A20}" presName="space" presStyleCnt="0"/>
      <dgm:spPr/>
    </dgm:pt>
    <dgm:pt modelId="{38BF86AA-37E0-4FF4-A48A-147BB669C13A}" type="pres">
      <dgm:prSet presAssocID="{5924B359-D8A7-46CF-8DB5-1831EA6E09DB}" presName="compositeB" presStyleCnt="0"/>
      <dgm:spPr/>
    </dgm:pt>
    <dgm:pt modelId="{9AECD0B5-E139-4707-B4A3-328B7B5A01C0}" type="pres">
      <dgm:prSet presAssocID="{5924B359-D8A7-46CF-8DB5-1831EA6E09DB}" presName="textB" presStyleLbl="revTx" presStyleIdx="1" presStyleCnt="5">
        <dgm:presLayoutVars>
          <dgm:bulletEnabled val="1"/>
        </dgm:presLayoutVars>
      </dgm:prSet>
      <dgm:spPr/>
    </dgm:pt>
    <dgm:pt modelId="{BED8B5DA-58C2-478A-AD8A-64DE19D38179}" type="pres">
      <dgm:prSet presAssocID="{5924B359-D8A7-46CF-8DB5-1831EA6E09DB}" presName="circleB" presStyleLbl="node1" presStyleIdx="1" presStyleCnt="5"/>
      <dgm:spPr>
        <a:xfrm>
          <a:off x="2920987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AD142D1F-6058-41CF-9959-DF1B0EAB0AD2}" type="pres">
      <dgm:prSet presAssocID="{5924B359-D8A7-46CF-8DB5-1831EA6E09DB}" presName="spaceB" presStyleCnt="0"/>
      <dgm:spPr/>
    </dgm:pt>
    <dgm:pt modelId="{EE766078-400B-4898-BDF8-AF844482ACD1}" type="pres">
      <dgm:prSet presAssocID="{4B3FB064-9947-4BF1-927C-12CCF5610580}" presName="space" presStyleCnt="0"/>
      <dgm:spPr/>
    </dgm:pt>
    <dgm:pt modelId="{72C8CC9B-AF77-45E9-A093-E243C614A9EB}" type="pres">
      <dgm:prSet presAssocID="{2F57B829-2537-4D87-9E8F-432FB9F48130}" presName="compositeA" presStyleCnt="0"/>
      <dgm:spPr/>
    </dgm:pt>
    <dgm:pt modelId="{75B9C140-7C8D-4D3F-854C-E26480A6DA7C}" type="pres">
      <dgm:prSet presAssocID="{2F57B829-2537-4D87-9E8F-432FB9F48130}" presName="textA" presStyleLbl="revTx" presStyleIdx="2" presStyleCnt="5">
        <dgm:presLayoutVars>
          <dgm:bulletEnabled val="1"/>
        </dgm:presLayoutVars>
      </dgm:prSet>
      <dgm:spPr/>
    </dgm:pt>
    <dgm:pt modelId="{7172A374-C6CE-41C7-A6E7-81A78E8F2518}" type="pres">
      <dgm:prSet presAssocID="{2F57B829-2537-4D87-9E8F-432FB9F48130}" presName="circleA" presStyleLbl="node1" presStyleIdx="2" presStyleCnt="5"/>
      <dgm:spPr>
        <a:solidFill>
          <a:schemeClr val="bg1"/>
        </a:solidFill>
      </dgm:spPr>
    </dgm:pt>
    <dgm:pt modelId="{3D46EA3E-5053-4DCE-84CD-9725082BD093}" type="pres">
      <dgm:prSet presAssocID="{2F57B829-2537-4D87-9E8F-432FB9F48130}" presName="spaceA" presStyleCnt="0"/>
      <dgm:spPr/>
    </dgm:pt>
    <dgm:pt modelId="{BFEC941E-ACF4-4683-941D-01AEB0F58B04}" type="pres">
      <dgm:prSet presAssocID="{FE0BBC87-6E09-420E-ADA4-AC84C1DBF9FF}" presName="space" presStyleCnt="0"/>
      <dgm:spPr/>
    </dgm:pt>
    <dgm:pt modelId="{5E22DD23-F8BD-48D0-B3A7-084CF4C57719}" type="pres">
      <dgm:prSet presAssocID="{E7F157AD-D46A-4083-A6B5-1A0DCF064560}" presName="compositeB" presStyleCnt="0"/>
      <dgm:spPr/>
    </dgm:pt>
    <dgm:pt modelId="{ADD23692-1F80-46AF-8694-CE8143F94499}" type="pres">
      <dgm:prSet presAssocID="{E7F157AD-D46A-4083-A6B5-1A0DCF064560}" presName="textB" presStyleLbl="revTx" presStyleIdx="3" presStyleCnt="5">
        <dgm:presLayoutVars>
          <dgm:bulletEnabled val="1"/>
        </dgm:presLayoutVars>
      </dgm:prSet>
      <dgm:spPr/>
    </dgm:pt>
    <dgm:pt modelId="{ABB71908-B048-4523-BB4E-E1B7691F23B5}" type="pres">
      <dgm:prSet presAssocID="{E7F157AD-D46A-4083-A6B5-1A0DCF064560}" presName="circleB" presStyleLbl="node1" presStyleIdx="3" presStyleCnt="5"/>
      <dgm:spPr>
        <a:xfrm>
          <a:off x="5003236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BE95BE96-CD5B-47FD-B08A-C34DF8B41A30}" type="pres">
      <dgm:prSet presAssocID="{E7F157AD-D46A-4083-A6B5-1A0DCF064560}" presName="spaceB" presStyleCnt="0"/>
      <dgm:spPr/>
    </dgm:pt>
    <dgm:pt modelId="{02AA987E-E941-454D-BF4E-9E2CE939A8D2}" type="pres">
      <dgm:prSet presAssocID="{CA6A1DE7-B93B-4185-AEF8-AE0F5B2B812C}" presName="space" presStyleCnt="0"/>
      <dgm:spPr/>
    </dgm:pt>
    <dgm:pt modelId="{ABD1B685-FF79-4ED2-B07E-89C3667A52CB}" type="pres">
      <dgm:prSet presAssocID="{3C4BCC7F-00CF-4FE0-829A-3A3443DD08A1}" presName="compositeA" presStyleCnt="0"/>
      <dgm:spPr/>
    </dgm:pt>
    <dgm:pt modelId="{3EB77BB9-39AB-429F-92FF-39C04440BE64}" type="pres">
      <dgm:prSet presAssocID="{3C4BCC7F-00CF-4FE0-829A-3A3443DD08A1}" presName="textA" presStyleLbl="revTx" presStyleIdx="4" presStyleCnt="5">
        <dgm:presLayoutVars>
          <dgm:bulletEnabled val="1"/>
        </dgm:presLayoutVars>
      </dgm:prSet>
      <dgm:spPr/>
    </dgm:pt>
    <dgm:pt modelId="{7C59B82E-BE94-44F8-A4AC-253A5AC64A10}" type="pres">
      <dgm:prSet presAssocID="{3C4BCC7F-00CF-4FE0-829A-3A3443DD08A1}" presName="circleA" presStyleLbl="node1" presStyleIdx="4" presStyleCnt="5"/>
      <dgm:spPr>
        <a:xfrm>
          <a:off x="6493737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86F92862-EF9D-421B-ACED-060F03F13508}" type="pres">
      <dgm:prSet presAssocID="{3C4BCC7F-00CF-4FE0-829A-3A3443DD08A1}" presName="spaceA" presStyleCnt="0"/>
      <dgm:spPr/>
    </dgm:pt>
  </dgm:ptLst>
  <dgm:cxnLst>
    <dgm:cxn modelId="{CCB34809-0C54-4FA4-9D9C-3A92552C5F50}" srcId="{7F133638-A913-4191-8026-251F240B3119}" destId="{3C4BCC7F-00CF-4FE0-829A-3A3443DD08A1}" srcOrd="4" destOrd="0" parTransId="{2953F1F3-02A1-41A3-B34D-684D553F2F61}" sibTransId="{F6EFB62F-2F07-4318-B960-59BCAB133160}"/>
    <dgm:cxn modelId="{E9FEE913-0EA2-4BC0-AD5E-459A19D683C6}" type="presOf" srcId="{E7F157AD-D46A-4083-A6B5-1A0DCF064560}" destId="{ADD23692-1F80-46AF-8694-CE8143F94499}" srcOrd="0" destOrd="0" presId="urn:microsoft.com/office/officeart/2005/8/layout/hProcess11"/>
    <dgm:cxn modelId="{B4E3D218-E349-4FEE-832E-634B04ABC532}" srcId="{7F133638-A913-4191-8026-251F240B3119}" destId="{2960BCB4-C970-4810-933A-FC79BCFA6C8D}" srcOrd="0" destOrd="0" parTransId="{0637AF96-9B22-4818-BF1F-55463DD349E1}" sibTransId="{F22A73DA-6186-4970-B028-BD5609732A20}"/>
    <dgm:cxn modelId="{DB62BC1E-5431-4697-B57A-E061460D4B7B}" type="presOf" srcId="{7F133638-A913-4191-8026-251F240B3119}" destId="{C1053D8C-82E5-410C-BC12-7AB038B3B44D}" srcOrd="0" destOrd="0" presId="urn:microsoft.com/office/officeart/2005/8/layout/hProcess11"/>
    <dgm:cxn modelId="{B577CA29-6DD8-4603-B8B6-C4A45B33310C}" srcId="{7F133638-A913-4191-8026-251F240B3119}" destId="{5924B359-D8A7-46CF-8DB5-1831EA6E09DB}" srcOrd="1" destOrd="0" parTransId="{17D86D60-30BF-415B-BAF8-96E9C0227D9F}" sibTransId="{4B3FB064-9947-4BF1-927C-12CCF5610580}"/>
    <dgm:cxn modelId="{AD03243E-6E37-45D5-9CC3-ABD429473B43}" type="presOf" srcId="{3C4BCC7F-00CF-4FE0-829A-3A3443DD08A1}" destId="{3EB77BB9-39AB-429F-92FF-39C04440BE64}" srcOrd="0" destOrd="0" presId="urn:microsoft.com/office/officeart/2005/8/layout/hProcess11"/>
    <dgm:cxn modelId="{7850BB5F-BEC9-491B-8CD2-975BABDCEA33}" type="presOf" srcId="{2960BCB4-C970-4810-933A-FC79BCFA6C8D}" destId="{D8EE56E2-1596-4A95-948F-F5939294F5AE}" srcOrd="0" destOrd="0" presId="urn:microsoft.com/office/officeart/2005/8/layout/hProcess11"/>
    <dgm:cxn modelId="{E22D1975-7415-4FAC-A8C2-18FD980BFAE6}" srcId="{7F133638-A913-4191-8026-251F240B3119}" destId="{E7F157AD-D46A-4083-A6B5-1A0DCF064560}" srcOrd="3" destOrd="0" parTransId="{D32231D6-18F0-4A28-824F-0DC4AFBC8A82}" sibTransId="{CA6A1DE7-B93B-4185-AEF8-AE0F5B2B812C}"/>
    <dgm:cxn modelId="{4691F59C-1E73-4A7F-9FC4-FC3F5C9AF782}" type="presOf" srcId="{5924B359-D8A7-46CF-8DB5-1831EA6E09DB}" destId="{9AECD0B5-E139-4707-B4A3-328B7B5A01C0}" srcOrd="0" destOrd="0" presId="urn:microsoft.com/office/officeart/2005/8/layout/hProcess11"/>
    <dgm:cxn modelId="{71C43EBD-5971-40C2-B788-F330EEA80414}" srcId="{7F133638-A913-4191-8026-251F240B3119}" destId="{2F57B829-2537-4D87-9E8F-432FB9F48130}" srcOrd="2" destOrd="0" parTransId="{4B05FE4F-E07D-42C1-A31C-5083A6BEC001}" sibTransId="{FE0BBC87-6E09-420E-ADA4-AC84C1DBF9FF}"/>
    <dgm:cxn modelId="{E3E18AD0-0118-4135-9B78-B91D38C70C13}" type="presOf" srcId="{2F57B829-2537-4D87-9E8F-432FB9F48130}" destId="{75B9C140-7C8D-4D3F-854C-E26480A6DA7C}" srcOrd="0" destOrd="0" presId="urn:microsoft.com/office/officeart/2005/8/layout/hProcess11"/>
    <dgm:cxn modelId="{F437306F-36C8-4156-A392-6C4313170513}" type="presParOf" srcId="{C1053D8C-82E5-410C-BC12-7AB038B3B44D}" destId="{12F3A5DE-ED67-44F6-B776-1ED4425A7F9D}" srcOrd="0" destOrd="0" presId="urn:microsoft.com/office/officeart/2005/8/layout/hProcess11"/>
    <dgm:cxn modelId="{2EB9A781-B57A-413B-895B-685C1F74A49D}" type="presParOf" srcId="{C1053D8C-82E5-410C-BC12-7AB038B3B44D}" destId="{9095FB2E-7C8E-4AE0-BB41-DB02E05ECEB3}" srcOrd="1" destOrd="0" presId="urn:microsoft.com/office/officeart/2005/8/layout/hProcess11"/>
    <dgm:cxn modelId="{CBEA5CC5-AAFA-4403-8A3B-CE673689055D}" type="presParOf" srcId="{9095FB2E-7C8E-4AE0-BB41-DB02E05ECEB3}" destId="{72F8E74D-6D96-43B2-9A59-C907B37E2E46}" srcOrd="0" destOrd="0" presId="urn:microsoft.com/office/officeart/2005/8/layout/hProcess11"/>
    <dgm:cxn modelId="{213D8072-1385-4650-9ADD-78BBFC2423B8}" type="presParOf" srcId="{72F8E74D-6D96-43B2-9A59-C907B37E2E46}" destId="{D8EE56E2-1596-4A95-948F-F5939294F5AE}" srcOrd="0" destOrd="0" presId="urn:microsoft.com/office/officeart/2005/8/layout/hProcess11"/>
    <dgm:cxn modelId="{F1E4B7F9-8202-4963-AD22-8E072247E026}" type="presParOf" srcId="{72F8E74D-6D96-43B2-9A59-C907B37E2E46}" destId="{D214C946-F86B-4BB9-9234-A8285BAC810D}" srcOrd="1" destOrd="0" presId="urn:microsoft.com/office/officeart/2005/8/layout/hProcess11"/>
    <dgm:cxn modelId="{53A948B5-4C61-47DE-AC94-9BA9671B0A3E}" type="presParOf" srcId="{72F8E74D-6D96-43B2-9A59-C907B37E2E46}" destId="{14CF28CC-3FDA-43DB-8F5B-054DCD576490}" srcOrd="2" destOrd="0" presId="urn:microsoft.com/office/officeart/2005/8/layout/hProcess11"/>
    <dgm:cxn modelId="{E7992972-4E55-45EF-8E5C-0442E468684E}" type="presParOf" srcId="{9095FB2E-7C8E-4AE0-BB41-DB02E05ECEB3}" destId="{6108858A-964C-490F-BF4F-32041B61B526}" srcOrd="1" destOrd="0" presId="urn:microsoft.com/office/officeart/2005/8/layout/hProcess11"/>
    <dgm:cxn modelId="{6A9DD169-FE98-467C-8A3F-FFD1448D65AB}" type="presParOf" srcId="{9095FB2E-7C8E-4AE0-BB41-DB02E05ECEB3}" destId="{38BF86AA-37E0-4FF4-A48A-147BB669C13A}" srcOrd="2" destOrd="0" presId="urn:microsoft.com/office/officeart/2005/8/layout/hProcess11"/>
    <dgm:cxn modelId="{2CBE7AAC-6672-44BB-B331-A6425E8B3876}" type="presParOf" srcId="{38BF86AA-37E0-4FF4-A48A-147BB669C13A}" destId="{9AECD0B5-E139-4707-B4A3-328B7B5A01C0}" srcOrd="0" destOrd="0" presId="urn:microsoft.com/office/officeart/2005/8/layout/hProcess11"/>
    <dgm:cxn modelId="{4F08056D-2DC8-4864-9EEB-7265A219758F}" type="presParOf" srcId="{38BF86AA-37E0-4FF4-A48A-147BB669C13A}" destId="{BED8B5DA-58C2-478A-AD8A-64DE19D38179}" srcOrd="1" destOrd="0" presId="urn:microsoft.com/office/officeart/2005/8/layout/hProcess11"/>
    <dgm:cxn modelId="{0165E2DC-1E73-4716-8E11-D1F3BAE56421}" type="presParOf" srcId="{38BF86AA-37E0-4FF4-A48A-147BB669C13A}" destId="{AD142D1F-6058-41CF-9959-DF1B0EAB0AD2}" srcOrd="2" destOrd="0" presId="urn:microsoft.com/office/officeart/2005/8/layout/hProcess11"/>
    <dgm:cxn modelId="{093637F1-7BDA-403F-B935-7BE2EDE5BDE6}" type="presParOf" srcId="{9095FB2E-7C8E-4AE0-BB41-DB02E05ECEB3}" destId="{EE766078-400B-4898-BDF8-AF844482ACD1}" srcOrd="3" destOrd="0" presId="urn:microsoft.com/office/officeart/2005/8/layout/hProcess11"/>
    <dgm:cxn modelId="{FA3F417C-1B07-4870-9D8A-18889DF0E420}" type="presParOf" srcId="{9095FB2E-7C8E-4AE0-BB41-DB02E05ECEB3}" destId="{72C8CC9B-AF77-45E9-A093-E243C614A9EB}" srcOrd="4" destOrd="0" presId="urn:microsoft.com/office/officeart/2005/8/layout/hProcess11"/>
    <dgm:cxn modelId="{BCF79157-D720-4740-B3CC-3EBCB0C66A6F}" type="presParOf" srcId="{72C8CC9B-AF77-45E9-A093-E243C614A9EB}" destId="{75B9C140-7C8D-4D3F-854C-E26480A6DA7C}" srcOrd="0" destOrd="0" presId="urn:microsoft.com/office/officeart/2005/8/layout/hProcess11"/>
    <dgm:cxn modelId="{2ABD2250-02C4-4603-BC78-002F17ED7735}" type="presParOf" srcId="{72C8CC9B-AF77-45E9-A093-E243C614A9EB}" destId="{7172A374-C6CE-41C7-A6E7-81A78E8F2518}" srcOrd="1" destOrd="0" presId="urn:microsoft.com/office/officeart/2005/8/layout/hProcess11"/>
    <dgm:cxn modelId="{81368433-238C-4B83-BDF1-5C4FA1462D0A}" type="presParOf" srcId="{72C8CC9B-AF77-45E9-A093-E243C614A9EB}" destId="{3D46EA3E-5053-4DCE-84CD-9725082BD093}" srcOrd="2" destOrd="0" presId="urn:microsoft.com/office/officeart/2005/8/layout/hProcess11"/>
    <dgm:cxn modelId="{A6C61F91-D0F7-41DB-ACC1-A6FBF305D1BA}" type="presParOf" srcId="{9095FB2E-7C8E-4AE0-BB41-DB02E05ECEB3}" destId="{BFEC941E-ACF4-4683-941D-01AEB0F58B04}" srcOrd="5" destOrd="0" presId="urn:microsoft.com/office/officeart/2005/8/layout/hProcess11"/>
    <dgm:cxn modelId="{B8FE905D-54AD-4090-8B0A-BB39CC3B1529}" type="presParOf" srcId="{9095FB2E-7C8E-4AE0-BB41-DB02E05ECEB3}" destId="{5E22DD23-F8BD-48D0-B3A7-084CF4C57719}" srcOrd="6" destOrd="0" presId="urn:microsoft.com/office/officeart/2005/8/layout/hProcess11"/>
    <dgm:cxn modelId="{5A4248D4-F940-488A-8A21-63D5B947A90D}" type="presParOf" srcId="{5E22DD23-F8BD-48D0-B3A7-084CF4C57719}" destId="{ADD23692-1F80-46AF-8694-CE8143F94499}" srcOrd="0" destOrd="0" presId="urn:microsoft.com/office/officeart/2005/8/layout/hProcess11"/>
    <dgm:cxn modelId="{FBED1268-5BA6-4471-96CE-25DDEFF5C1BD}" type="presParOf" srcId="{5E22DD23-F8BD-48D0-B3A7-084CF4C57719}" destId="{ABB71908-B048-4523-BB4E-E1B7691F23B5}" srcOrd="1" destOrd="0" presId="urn:microsoft.com/office/officeart/2005/8/layout/hProcess11"/>
    <dgm:cxn modelId="{D1A7BC41-724D-4BBF-95D9-BB18CA659C0D}" type="presParOf" srcId="{5E22DD23-F8BD-48D0-B3A7-084CF4C57719}" destId="{BE95BE96-CD5B-47FD-B08A-C34DF8B41A30}" srcOrd="2" destOrd="0" presId="urn:microsoft.com/office/officeart/2005/8/layout/hProcess11"/>
    <dgm:cxn modelId="{3A2A12ED-CB7E-4031-8890-E3AF350D706A}" type="presParOf" srcId="{9095FB2E-7C8E-4AE0-BB41-DB02E05ECEB3}" destId="{02AA987E-E941-454D-BF4E-9E2CE939A8D2}" srcOrd="7" destOrd="0" presId="urn:microsoft.com/office/officeart/2005/8/layout/hProcess11"/>
    <dgm:cxn modelId="{8F1F1124-9470-499C-87BC-ED947CC71499}" type="presParOf" srcId="{9095FB2E-7C8E-4AE0-BB41-DB02E05ECEB3}" destId="{ABD1B685-FF79-4ED2-B07E-89C3667A52CB}" srcOrd="8" destOrd="0" presId="urn:microsoft.com/office/officeart/2005/8/layout/hProcess11"/>
    <dgm:cxn modelId="{C116AE7E-584B-4367-894F-8246C6179C49}" type="presParOf" srcId="{ABD1B685-FF79-4ED2-B07E-89C3667A52CB}" destId="{3EB77BB9-39AB-429F-92FF-39C04440BE64}" srcOrd="0" destOrd="0" presId="urn:microsoft.com/office/officeart/2005/8/layout/hProcess11"/>
    <dgm:cxn modelId="{AA8885FA-1323-40FF-856B-F6BBDF812EDE}" type="presParOf" srcId="{ABD1B685-FF79-4ED2-B07E-89C3667A52CB}" destId="{7C59B82E-BE94-44F8-A4AC-253A5AC64A10}" srcOrd="1" destOrd="0" presId="urn:microsoft.com/office/officeart/2005/8/layout/hProcess11"/>
    <dgm:cxn modelId="{635CAE26-BEC7-4CF3-99D4-A0FFE293136C}" type="presParOf" srcId="{ABD1B685-FF79-4ED2-B07E-89C3667A52CB}" destId="{86F92862-EF9D-421B-ACED-060F03F13508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657B8E5-5FB2-4E92-BF58-DF3D891800AE}">
      <dsp:nvSpPr>
        <dsp:cNvPr id="0" name=""/>
        <dsp:cNvSpPr/>
      </dsp:nvSpPr>
      <dsp:spPr>
        <a:xfrm rot="4396374">
          <a:off x="1074377" y="808704"/>
          <a:ext cx="3508285" cy="2446591"/>
        </a:xfrm>
        <a:prstGeom prst="swooshArrow">
          <a:avLst>
            <a:gd name="adj1" fmla="val 16310"/>
            <a:gd name="adj2" fmla="val 31370"/>
          </a:avLst>
        </a:prstGeom>
        <a:solidFill>
          <a:schemeClr val="bg1">
            <a:lumMod val="7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3172D6F-4B65-4823-A501-D6C0DB30DFDB}">
      <dsp:nvSpPr>
        <dsp:cNvPr id="0" name=""/>
        <dsp:cNvSpPr/>
      </dsp:nvSpPr>
      <dsp:spPr>
        <a:xfrm>
          <a:off x="2519753" y="472698"/>
          <a:ext cx="1368145" cy="6502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2070" tIns="52070" rIns="52070" bIns="52070" numCol="1" spcCol="1270" anchor="b" anchorCtr="0">
          <a:noAutofit/>
        </a:bodyPr>
        <a:lstStyle/>
        <a:p>
          <a:pPr marL="0" lvl="0" indent="0" algn="ctr" defTabSz="1822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100" kern="1200" dirty="0"/>
        </a:p>
      </dsp:txBody>
      <dsp:txXfrm>
        <a:off x="2519753" y="472698"/>
        <a:ext cx="1368145" cy="65024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2F3A5DE-ED67-44F6-B776-1ED4425A7F9D}">
      <dsp:nvSpPr>
        <dsp:cNvPr id="0" name=""/>
        <dsp:cNvSpPr/>
      </dsp:nvSpPr>
      <dsp:spPr>
        <a:xfrm>
          <a:off x="0" y="1080119"/>
          <a:ext cx="8208912" cy="955981"/>
        </a:xfrm>
        <a:prstGeom prst="notchedRightArrow">
          <a:avLst/>
        </a:prstGeom>
        <a:solidFill>
          <a:srgbClr val="00B0F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8EE56E2-1596-4A95-948F-F5939294F5AE}">
      <dsp:nvSpPr>
        <dsp:cNvPr id="0" name=""/>
        <dsp:cNvSpPr/>
      </dsp:nvSpPr>
      <dsp:spPr>
        <a:xfrm>
          <a:off x="3246" y="0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b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500" kern="1200" dirty="0"/>
            <a:t> </a:t>
          </a:r>
        </a:p>
      </dsp:txBody>
      <dsp:txXfrm>
        <a:off x="3246" y="0"/>
        <a:ext cx="1419524" cy="1246488"/>
      </dsp:txXfrm>
    </dsp:sp>
    <dsp:sp modelId="{D214C946-F86B-4BB9-9234-A8285BAC810D}">
      <dsp:nvSpPr>
        <dsp:cNvPr id="0" name=""/>
        <dsp:cNvSpPr/>
      </dsp:nvSpPr>
      <dsp:spPr>
        <a:xfrm>
          <a:off x="557197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AECD0B5-E139-4707-B4A3-328B7B5A01C0}">
      <dsp:nvSpPr>
        <dsp:cNvPr id="0" name=""/>
        <dsp:cNvSpPr/>
      </dsp:nvSpPr>
      <dsp:spPr>
        <a:xfrm>
          <a:off x="1493747" y="1869732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t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500" kern="1200" dirty="0"/>
            <a:t> </a:t>
          </a:r>
        </a:p>
      </dsp:txBody>
      <dsp:txXfrm>
        <a:off x="1493747" y="1869732"/>
        <a:ext cx="1419524" cy="1246488"/>
      </dsp:txXfrm>
    </dsp:sp>
    <dsp:sp modelId="{BED8B5DA-58C2-478A-AD8A-64DE19D38179}">
      <dsp:nvSpPr>
        <dsp:cNvPr id="0" name=""/>
        <dsp:cNvSpPr/>
      </dsp:nvSpPr>
      <dsp:spPr>
        <a:xfrm>
          <a:off x="2047698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5B9C140-7C8D-4D3F-854C-E26480A6DA7C}">
      <dsp:nvSpPr>
        <dsp:cNvPr id="0" name=""/>
        <dsp:cNvSpPr/>
      </dsp:nvSpPr>
      <dsp:spPr>
        <a:xfrm>
          <a:off x="2984248" y="0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b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500" kern="1200" dirty="0"/>
            <a:t> </a:t>
          </a:r>
        </a:p>
      </dsp:txBody>
      <dsp:txXfrm>
        <a:off x="2984248" y="0"/>
        <a:ext cx="1419524" cy="1246488"/>
      </dsp:txXfrm>
    </dsp:sp>
    <dsp:sp modelId="{7172A374-C6CE-41C7-A6E7-81A78E8F2518}">
      <dsp:nvSpPr>
        <dsp:cNvPr id="0" name=""/>
        <dsp:cNvSpPr/>
      </dsp:nvSpPr>
      <dsp:spPr>
        <a:xfrm>
          <a:off x="3538199" y="1402299"/>
          <a:ext cx="311622" cy="311622"/>
        </a:xfrm>
        <a:prstGeom prst="ellipse">
          <a:avLst/>
        </a:prstGeom>
        <a:solidFill>
          <a:schemeClr val="bg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DD23692-1F80-46AF-8694-CE8143F94499}">
      <dsp:nvSpPr>
        <dsp:cNvPr id="0" name=""/>
        <dsp:cNvSpPr/>
      </dsp:nvSpPr>
      <dsp:spPr>
        <a:xfrm>
          <a:off x="4474748" y="1869732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t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500" kern="1200" dirty="0"/>
        </a:p>
      </dsp:txBody>
      <dsp:txXfrm>
        <a:off x="4474748" y="1869732"/>
        <a:ext cx="1419524" cy="1246488"/>
      </dsp:txXfrm>
    </dsp:sp>
    <dsp:sp modelId="{ABB71908-B048-4523-BB4E-E1B7691F23B5}">
      <dsp:nvSpPr>
        <dsp:cNvPr id="0" name=""/>
        <dsp:cNvSpPr/>
      </dsp:nvSpPr>
      <dsp:spPr>
        <a:xfrm>
          <a:off x="5028700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EB77BB9-39AB-429F-92FF-39C04440BE64}">
      <dsp:nvSpPr>
        <dsp:cNvPr id="0" name=""/>
        <dsp:cNvSpPr/>
      </dsp:nvSpPr>
      <dsp:spPr>
        <a:xfrm>
          <a:off x="5965249" y="0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b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500" kern="1200" dirty="0"/>
        </a:p>
      </dsp:txBody>
      <dsp:txXfrm>
        <a:off x="5965249" y="0"/>
        <a:ext cx="1419524" cy="1246488"/>
      </dsp:txXfrm>
    </dsp:sp>
    <dsp:sp modelId="{7C59B82E-BE94-44F8-A4AC-253A5AC64A10}">
      <dsp:nvSpPr>
        <dsp:cNvPr id="0" name=""/>
        <dsp:cNvSpPr/>
      </dsp:nvSpPr>
      <dsp:spPr>
        <a:xfrm>
          <a:off x="6519200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9/3/layout/DescendingProcess">
  <dgm:title val=""/>
  <dgm:desc val=""/>
  <dgm:catLst>
    <dgm:cat type="process" pri="23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clrData>
  <dgm:layoutNode name="Name0">
    <dgm:varLst>
      <dgm:chMax val="7"/>
      <dgm:chPref val="5"/>
    </dgm:varLst>
    <dgm:alg type="composite">
      <dgm:param type="ar" val="1.1"/>
    </dgm:alg>
    <dgm:shape xmlns:r="http://schemas.openxmlformats.org/officeDocument/2006/relationships" r:blip="">
      <dgm:adjLst/>
    </dgm:shape>
    <dgm:choose name="Name1">
      <dgm:if name="Name2" axis="ch" ptType="node" func="cnt" op="equ" val="1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</dgm:constrLst>
      </dgm:if>
      <dgm:if name="Name3" axis="ch" ptType="node" func="cnt" op="equ" val="2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5"/>
          <dgm:constr type="b" for="ch" forName="txNode2" refType="h"/>
          <dgm:constr type="r" for="ch" forName="txNode2" refType="w"/>
          <dgm:constr type="h" for="ch" forName="txNode2" refType="h" fact="0.16"/>
        </dgm:constrLst>
      </dgm:if>
      <dgm:if name="Name4" axis="ch" ptType="node" func="cnt" op="equ" val="3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56"/>
          <dgm:constr type="ctrY" for="ch" forName="txNode2" refType="h" fact="0.3992"/>
          <dgm:constr type="r" for="ch" forName="txNode2" refType="w"/>
          <dgm:constr type="h" for="ch" forName="txNode2" refType="h" fact="0.16"/>
          <dgm:constr type="l" for="ch" forName="txNode3" refType="w" fact="0.5"/>
          <dgm:constr type="b" for="ch" forName="txNode3" refType="h"/>
          <dgm:constr type="r" for="ch" forName="txNode3" refType="w"/>
          <dgm:constr type="h" for="ch" forName="txNode3" refType="h" fact="0.16"/>
          <dgm:constr type="ctrX" for="ch" forName="dotNode2" refType="w" fact="0.4782"/>
          <dgm:constr type="ctrY" for="ch" forName="dotNode2" refType="h" fact="0.3992"/>
          <dgm:constr type="h" for="ch" forName="dotNode2" refType="h" fact="0.0218"/>
          <dgm:constr type="w" for="ch" forName="dotNode2" refType="h" refFor="ch" refForName="dotNode2"/>
        </dgm:constrLst>
      </dgm:if>
      <dgm:if name="Name5" axis="ch" ptType="node" func="cnt" op="equ" val="4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9"/>
          <dgm:constr type="ctrY" for="ch" forName="txNode2" refType="h" fact="0.3153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5004"/>
          <dgm:constr type="r" for="ch" forName="txNode3" refType="w" fact="0.5"/>
          <dgm:constr type="h" for="ch" forName="txNode3" refType="h" fact="0.16"/>
          <dgm:constr type="l" for="ch" forName="txNode4" refType="w" fact="0.5"/>
          <dgm:constr type="b" for="ch" forName="txNode4" refType="h"/>
          <dgm:constr type="r" for="ch" forName="txNode4" refType="w"/>
          <dgm:constr type="h" for="ch" forName="txNode4" refType="h" fact="0.16"/>
          <dgm:constr type="ctrX" for="ch" forName="dotNode2" refType="w" fact="0.39"/>
          <dgm:constr type="ctrY" for="ch" forName="dotNode2" refType="h" fact="0.3153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5626"/>
          <dgm:constr type="ctrY" for="ch" forName="dotNode3" refType="h" fact="0.5004"/>
          <dgm:constr type="h" for="ch" forName="dotNode3" refType="h" fact="0.0218"/>
          <dgm:constr type="w" for="ch" forName="dotNode3" refType="h" refFor="ch" refForName="dotNode3"/>
        </dgm:constrLst>
      </dgm:if>
      <dgm:if name="Name6" axis="ch" ptType="node" func="cnt" op="equ" val="5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6"/>
          <dgm:constr type="ctrY" for="ch" forName="txNode2" refType="h" fact="0.2885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4089"/>
          <dgm:constr type="r" for="ch" forName="txNode3" refType="w" fact="0.43"/>
          <dgm:constr type="h" for="ch" forName="txNode3" refType="h" fact="0.16"/>
          <dgm:constr type="l" for="ch" forName="txNode4" refType="w" fact="0.67"/>
          <dgm:constr type="ctrY" for="ch" forName="txNode4" refType="h" fact="0.5497"/>
          <dgm:constr type="r" for="ch" forName="txNode4" refType="w"/>
          <dgm:constr type="h" for="ch" forName="txNode4" refType="h" fact="0.16"/>
          <dgm:constr type="l" for="ch" forName="txNode5" refType="w" fact="0.5"/>
          <dgm:constr type="b" for="ch" forName="txNode5" refType="h"/>
          <dgm:constr type="r" for="ch" forName="txNode5" refType="w"/>
          <dgm:constr type="h" for="ch" forName="txNode5" refType="h" fact="0.16"/>
          <dgm:constr type="ctrX" for="ch" forName="dotNode2" refType="w" fact="0.3565"/>
          <dgm:constr type="ctrY" for="ch" forName="dotNode2" refType="h" fact="0.2885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4922"/>
          <dgm:constr type="ctrY" for="ch" forName="dotNode3" refType="h" fact="0.4089"/>
          <dgm:constr type="h" for="ch" forName="dotNode3" refType="h" fact="0.0218"/>
          <dgm:constr type="w" for="ch" forName="dotNode3" refType="h" refFor="ch" refForName="dotNode3"/>
          <dgm:constr type="ctrX" for="ch" forName="dotNode4" refType="w" fact="0.5939"/>
          <dgm:constr type="ctrY" for="ch" forName="dotNode4" refType="h" fact="0.5497"/>
          <dgm:constr type="h" for="ch" forName="dotNode4" refType="h" fact="0.0218"/>
          <dgm:constr type="w" for="ch" forName="dotNode4" refType="h" refFor="ch" refForName="dotNode4"/>
        </dgm:constrLst>
      </dgm:if>
      <dgm:if name="Name7" axis="ch" ptType="node" func="cnt" op="equ" val="6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5"/>
          <dgm:constr type="ctrY" for="ch" forName="txNode2" refType="h" fact="0.2693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3638"/>
          <dgm:constr type="r" for="ch" forName="txNode3" refType="w" fact="0.37"/>
          <dgm:constr type="h" for="ch" forName="txNode3" refType="h" fact="0.16"/>
          <dgm:constr type="l" for="ch" forName="txNode4" refType="w" fact="0.63"/>
          <dgm:constr type="ctrY" for="ch" forName="txNode4" refType="h" fact="0.4744"/>
          <dgm:constr type="r" for="ch" forName="txNode4" refType="w"/>
          <dgm:constr type="h" for="ch" forName="txNode4" refType="h" fact="0.16"/>
          <dgm:constr type="l" for="ch" forName="txNode5" refType="w" fact="0"/>
          <dgm:constr type="ctrY" for="ch" forName="txNode5" refType="h" fact="0.5961"/>
          <dgm:constr type="r" for="ch" forName="txNode5" refType="w" fact="0.55"/>
          <dgm:constr type="h" for="ch" forName="txNode5" refType="h" fact="0.16"/>
          <dgm:constr type="l" for="ch" forName="txNode6" refType="w" fact="0.5"/>
          <dgm:constr type="b" for="ch" forName="txNode6" refType="h"/>
          <dgm:constr type="r" for="ch" forName="txNode6" refType="w"/>
          <dgm:constr type="h" for="ch" forName="txNode6" refType="h" fact="0.16"/>
          <dgm:constr type="ctrX" for="ch" forName="dotNode2" refType="w" fact="0.33"/>
          <dgm:constr type="ctrY" for="ch" forName="dotNode2" refType="h" fact="0.2693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4419"/>
          <dgm:constr type="ctrY" for="ch" forName="dotNode3" refType="h" fact="0.3638"/>
          <dgm:constr type="h" for="ch" forName="dotNode3" refType="h" fact="0.0218"/>
          <dgm:constr type="w" for="ch" forName="dotNode3" refType="h" refFor="ch" refForName="dotNode3"/>
          <dgm:constr type="ctrX" for="ch" forName="dotNode4" refType="w" fact="0.5425"/>
          <dgm:constr type="ctrY" for="ch" forName="dotNode4" refType="h" fact="0.4744"/>
          <dgm:constr type="h" for="ch" forName="dotNode4" refType="h" fact="0.0218"/>
          <dgm:constr type="w" for="ch" forName="dotNode4" refType="h" refFor="ch" refForName="dotNode4"/>
          <dgm:constr type="ctrX" for="ch" forName="dotNode5" refType="w" fact="0.6153"/>
          <dgm:constr type="ctrY" for="ch" forName="dotNode5" refType="h" fact="0.5961"/>
          <dgm:constr type="h" for="ch" forName="dotNode5" refType="h" fact="0.0218"/>
          <dgm:constr type="w" for="ch" forName="dotNode5" refType="h" refFor="ch" refForName="dotNode5"/>
        </dgm:constrLst>
      </dgm:if>
      <dgm:else name="Name8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4"/>
          <dgm:constr type="ctrY" for="ch" forName="txNode2" refType="h" fact="0.2693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3424"/>
          <dgm:constr type="r" for="ch" forName="txNode3" refType="w" fact="0.33"/>
          <dgm:constr type="h" for="ch" forName="txNode3" refType="h" fact="0.16"/>
          <dgm:constr type="l" for="ch" forName="txNode4" refType="w" fact="0.61"/>
          <dgm:constr type="ctrY" for="ch" forName="txNode4" refType="h" fact="0.4276"/>
          <dgm:constr type="r" for="ch" forName="txNode4" refType="w"/>
          <dgm:constr type="h" for="ch" forName="txNode4" refType="h" fact="0.16"/>
          <dgm:constr type="l" for="ch" forName="txNode5" refType="w" fact="0"/>
          <dgm:constr type="ctrY" for="ch" forName="txNode5" refType="h" fact="0.5218"/>
          <dgm:constr type="r" for="ch" forName="txNode5" refType="w" fact="0.5"/>
          <dgm:constr type="h" for="ch" forName="txNode5" refType="h" fact="0.16"/>
          <dgm:constr type="l" for="ch" forName="txNode6" refType="w" fact="0.71"/>
          <dgm:constr type="ctrY" for="ch" forName="txNode6" refType="h" fact="0.6179"/>
          <dgm:constr type="r" for="ch" forName="txNode6" refType="w"/>
          <dgm:constr type="h" for="ch" forName="txNode6" refType="h" fact="0.16"/>
          <dgm:constr type="l" for="ch" forName="txNode7" refType="w" fact="0.5"/>
          <dgm:constr type="b" for="ch" forName="txNode7" refType="h"/>
          <dgm:constr type="r" for="ch" forName="txNode7" refType="w"/>
          <dgm:constr type="h" for="ch" forName="txNode7" refType="h" fact="0.16"/>
          <dgm:constr type="ctrX" for="ch" forName="dotNode2" refType="w" fact="0.33"/>
          <dgm:constr type="ctrY" for="ch" forName="dotNode2" refType="h" fact="0.2693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425"/>
          <dgm:constr type="ctrY" for="ch" forName="dotNode3" refType="h" fact="0.3424"/>
          <dgm:constr type="h" for="ch" forName="dotNode3" refType="h" fact="0.0218"/>
          <dgm:constr type="w" for="ch" forName="dotNode3" refType="h" refFor="ch" refForName="dotNode3"/>
          <dgm:constr type="ctrX" for="ch" forName="dotNode4" refType="w" fact="0.505"/>
          <dgm:constr type="ctrY" for="ch" forName="dotNode4" refType="h" fact="0.4276"/>
          <dgm:constr type="h" for="ch" forName="dotNode4" refType="h" fact="0.0218"/>
          <dgm:constr type="w" for="ch" forName="dotNode4" refType="h" refFor="ch" refForName="dotNode4"/>
          <dgm:constr type="ctrX" for="ch" forName="dotNode5" refType="w" fact="0.5742"/>
          <dgm:constr type="ctrY" for="ch" forName="dotNode5" refType="h" fact="0.5218"/>
          <dgm:constr type="h" for="ch" forName="dotNode5" refType="h" fact="0.0218"/>
          <dgm:constr type="w" for="ch" forName="dotNode5" refType="h" refFor="ch" refForName="dotNode5"/>
          <dgm:constr type="ctrX" for="ch" forName="dotNode6" refType="w" fact="0.63"/>
          <dgm:constr type="ctrY" for="ch" forName="dotNode6" refType="h" fact="0.6179"/>
          <dgm:constr type="h" for="ch" forName="dotNode6" refType="h" fact="0.0218"/>
          <dgm:constr type="w" for="ch" forName="dotNode6" refType="h" refFor="ch" refForName="dotNode6"/>
        </dgm:constrLst>
      </dgm:else>
    </dgm:choose>
    <dgm:forEach name="Name9" axis="self" ptType="parTrans">
      <dgm:forEach name="Name10" axis="self" ptType="sibTrans" st="2">
        <dgm:forEach name="dotRepeat" axis="self">
          <dgm:layoutNode name="dotRepeatNode" styleLbl="fgShp">
            <dgm:alg type="sp"/>
            <dgm:shape xmlns:r="http://schemas.openxmlformats.org/officeDocument/2006/relationships" type="ellipse" r:blip="">
              <dgm:adjLst/>
            </dgm:shape>
            <dgm:presOf axis="self"/>
          </dgm:layoutNode>
        </dgm:forEach>
      </dgm:forEach>
    </dgm:forEach>
    <dgm:choose name="Name11">
      <dgm:if name="Name12" axis="ch" ptType="node" func="cnt" op="gte" val="1">
        <dgm:layoutNode name="arrowNode" styleLbl="node1">
          <dgm:alg type="sp"/>
          <dgm:shape xmlns:r="http://schemas.openxmlformats.org/officeDocument/2006/relationships" rot="73.2729" type="swooshArrow" r:blip="">
            <dgm:adjLst>
              <dgm:adj idx="1" val="0.1631"/>
              <dgm:adj idx="2" val="0.3137"/>
            </dgm:adjLst>
          </dgm:shape>
          <dgm:presOf/>
        </dgm:layoutNode>
      </dgm:if>
      <dgm:else name="Name13"/>
    </dgm:choose>
    <dgm:forEach name="Name14" axis="ch" ptType="node" cnt="1">
      <dgm:layoutNode name="txNode1" styleLbl="revTx">
        <dgm:varLst>
          <dgm:bulletEnabled val="1"/>
        </dgm:varLst>
        <dgm:alg type="tx">
          <dgm:param type="txAnchorVert" val="b"/>
        </dgm:alg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15" axis="ch" ptType="node" st="2" cnt="1">
      <dgm:layoutNode name="txNode2" styleLbl="revTx">
        <dgm:varLst>
          <dgm:bulletEnabled val="1"/>
        </dgm:varLst>
        <dgm:choose name="Name16">
          <dgm:if name="Name17" axis="self" ptType="node" func="revPos" op="equ" val="1">
            <dgm:alg type="tx">
              <dgm:param type="txAnchorVert" val="t"/>
            </dgm:alg>
          </dgm:if>
          <dgm:if name="Name18" axis="self" ptType="node" func="posOdd" op="equ" val="1">
            <dgm:alg type="tx">
              <dgm:param type="parTxLTRAlign" val="r"/>
              <dgm:param type="parTxRTLAlign" val="r"/>
            </dgm:alg>
          </dgm:if>
          <dgm:else name="Name1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20">
        <dgm:if name="Name21" axis="par ch" ptType="all node" func="cnt" op="neq" val="2">
          <dgm:forEach name="Name22" axis="follow" ptType="sibTrans" cnt="1">
            <dgm:layoutNode name="dotNode2">
              <dgm:alg type="sp"/>
              <dgm:shape xmlns:r="http://schemas.openxmlformats.org/officeDocument/2006/relationships" r:blip="">
                <dgm:adjLst/>
              </dgm:shape>
              <dgm:presOf/>
              <dgm:forEach name="Name23" ref="dotRepeat"/>
            </dgm:layoutNode>
          </dgm:forEach>
        </dgm:if>
        <dgm:else name="Name24"/>
      </dgm:choose>
    </dgm:forEach>
    <dgm:forEach name="Name25" axis="ch" ptType="node" st="3" cnt="1">
      <dgm:layoutNode name="txNode3" styleLbl="revTx">
        <dgm:varLst>
          <dgm:bulletEnabled val="1"/>
        </dgm:varLst>
        <dgm:choose name="Name26">
          <dgm:if name="Name27" axis="self" ptType="node" func="revPos" op="equ" val="1">
            <dgm:alg type="tx">
              <dgm:param type="txAnchorVert" val="t"/>
            </dgm:alg>
          </dgm:if>
          <dgm:if name="Name28" axis="self" ptType="node" func="posOdd" op="equ" val="1">
            <dgm:alg type="tx">
              <dgm:param type="parTxLTRAlign" val="r"/>
              <dgm:param type="parTxRTLAlign" val="r"/>
            </dgm:alg>
          </dgm:if>
          <dgm:else name="Name2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30">
        <dgm:if name="Name31" axis="par ch" ptType="all node" func="cnt" op="neq" val="3">
          <dgm:forEach name="Name32" axis="follow" ptType="sibTrans" cnt="1">
            <dgm:layoutNode name="dotNode3">
              <dgm:alg type="sp"/>
              <dgm:shape xmlns:r="http://schemas.openxmlformats.org/officeDocument/2006/relationships" r:blip="">
                <dgm:adjLst/>
              </dgm:shape>
              <dgm:presOf/>
              <dgm:forEach name="Name33" ref="dotRepeat"/>
            </dgm:layoutNode>
          </dgm:forEach>
        </dgm:if>
        <dgm:else name="Name34"/>
      </dgm:choose>
    </dgm:forEach>
    <dgm:forEach name="Name35" axis="ch" ptType="node" st="4" cnt="1">
      <dgm:layoutNode name="txNode4" styleLbl="revTx">
        <dgm:varLst>
          <dgm:bulletEnabled val="1"/>
        </dgm:varLst>
        <dgm:choose name="Name36">
          <dgm:if name="Name37" axis="self" ptType="node" func="revPos" op="equ" val="1">
            <dgm:alg type="tx">
              <dgm:param type="txAnchorVert" val="t"/>
            </dgm:alg>
          </dgm:if>
          <dgm:if name="Name38" axis="self" ptType="node" func="posOdd" op="equ" val="1">
            <dgm:alg type="tx">
              <dgm:param type="parTxLTRAlign" val="r"/>
              <dgm:param type="parTxRTLAlign" val="r"/>
            </dgm:alg>
          </dgm:if>
          <dgm:else name="Name3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40">
        <dgm:if name="Name41" axis="par ch" ptType="all node" func="cnt" op="neq" val="4">
          <dgm:forEach name="Name42" axis="follow" ptType="sibTrans" cnt="1">
            <dgm:layoutNode name="dotNode4">
              <dgm:alg type="sp"/>
              <dgm:shape xmlns:r="http://schemas.openxmlformats.org/officeDocument/2006/relationships" r:blip="">
                <dgm:adjLst/>
              </dgm:shape>
              <dgm:presOf/>
              <dgm:forEach name="Name43" ref="dotRepeat"/>
            </dgm:layoutNode>
          </dgm:forEach>
        </dgm:if>
        <dgm:else name="Name44"/>
      </dgm:choose>
    </dgm:forEach>
    <dgm:forEach name="Name45" axis="ch" ptType="node" st="5" cnt="1">
      <dgm:layoutNode name="txNode5" styleLbl="revTx">
        <dgm:varLst>
          <dgm:bulletEnabled val="1"/>
        </dgm:varLst>
        <dgm:choose name="Name46">
          <dgm:if name="Name47" axis="self" ptType="node" func="revPos" op="equ" val="1">
            <dgm:alg type="tx">
              <dgm:param type="txAnchorVert" val="t"/>
            </dgm:alg>
          </dgm:if>
          <dgm:if name="Name48" axis="self" ptType="node" func="posOdd" op="equ" val="1">
            <dgm:alg type="tx">
              <dgm:param type="parTxLTRAlign" val="r"/>
              <dgm:param type="parTxRTLAlign" val="r"/>
            </dgm:alg>
          </dgm:if>
          <dgm:else name="Name4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50">
        <dgm:if name="Name51" axis="par ch" ptType="all node" func="cnt" op="neq" val="5">
          <dgm:forEach name="Name52" axis="follow" ptType="sibTrans" cnt="1">
            <dgm:layoutNode name="dotNode5">
              <dgm:alg type="sp"/>
              <dgm:shape xmlns:r="http://schemas.openxmlformats.org/officeDocument/2006/relationships" r:blip="">
                <dgm:adjLst/>
              </dgm:shape>
              <dgm:presOf/>
              <dgm:forEach name="Name53" ref="dotRepeat"/>
            </dgm:layoutNode>
          </dgm:forEach>
        </dgm:if>
        <dgm:else name="Name54"/>
      </dgm:choose>
    </dgm:forEach>
    <dgm:forEach name="Name55" axis="ch" ptType="node" st="6" cnt="1">
      <dgm:layoutNode name="txNode6" styleLbl="revTx">
        <dgm:varLst>
          <dgm:bulletEnabled val="1"/>
        </dgm:varLst>
        <dgm:choose name="Name56">
          <dgm:if name="Name57" axis="self" ptType="node" func="revPos" op="equ" val="1">
            <dgm:alg type="tx">
              <dgm:param type="txAnchorVert" val="t"/>
            </dgm:alg>
          </dgm:if>
          <dgm:if name="Name58" axis="self" ptType="node" func="posOdd" op="equ" val="1">
            <dgm:alg type="tx">
              <dgm:param type="parTxLTRAlign" val="r"/>
              <dgm:param type="parTxRTLAlign" val="r"/>
            </dgm:alg>
          </dgm:if>
          <dgm:else name="Name5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60">
        <dgm:if name="Name61" axis="par ch" ptType="all node" func="cnt" op="neq" val="6">
          <dgm:forEach name="Name62" axis="follow" ptType="sibTrans" cnt="1">
            <dgm:layoutNode name="dotNode6">
              <dgm:alg type="sp"/>
              <dgm:shape xmlns:r="http://schemas.openxmlformats.org/officeDocument/2006/relationships" r:blip="">
                <dgm:adjLst/>
              </dgm:shape>
              <dgm:presOf/>
              <dgm:forEach name="Name63" ref="dotRepeat"/>
            </dgm:layoutNode>
          </dgm:forEach>
        </dgm:if>
        <dgm:else name="Name64"/>
      </dgm:choose>
    </dgm:forEach>
    <dgm:forEach name="Name65" axis="ch" ptType="node" st="7" cnt="1">
      <dgm:layoutNode name="txNode7" styleLbl="revTx">
        <dgm:varLst>
          <dgm:bulletEnabled val="1"/>
        </dgm:varLst>
        <dgm:alg type="tx">
          <dgm:param type="txAnchorVert" val="t"/>
        </dgm:alg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634" name="Rectangle 2">
            <a:extLst>
              <a:ext uri="{FF2B5EF4-FFF2-40B4-BE49-F238E27FC236}">
                <a16:creationId xmlns:a16="http://schemas.microsoft.com/office/drawing/2014/main" id="{D204E564-E661-4DA0-AC2E-CCA3A4C4FBC0}"/>
              </a:ext>
            </a:extLst>
          </p:cNvPr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b="0"/>
            </a:lvl1pPr>
          </a:lstStyle>
          <a:p>
            <a:endParaRPr lang="ru-RU" altLang="th-TH"/>
          </a:p>
        </p:txBody>
      </p:sp>
      <p:sp>
        <p:nvSpPr>
          <p:cNvPr id="69635" name="Rectangle 3">
            <a:extLst>
              <a:ext uri="{FF2B5EF4-FFF2-40B4-BE49-F238E27FC236}">
                <a16:creationId xmlns:a16="http://schemas.microsoft.com/office/drawing/2014/main" id="{AF18E1FD-D137-4A29-909C-35CD91C7B0F9}"/>
              </a:ext>
            </a:extLst>
          </p:cNvPr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b="0"/>
            </a:lvl1pPr>
          </a:lstStyle>
          <a:p>
            <a:endParaRPr lang="ru-RU" altLang="th-TH"/>
          </a:p>
        </p:txBody>
      </p:sp>
      <p:sp>
        <p:nvSpPr>
          <p:cNvPr id="69636" name="Rectangle 4">
            <a:extLst>
              <a:ext uri="{FF2B5EF4-FFF2-40B4-BE49-F238E27FC236}">
                <a16:creationId xmlns:a16="http://schemas.microsoft.com/office/drawing/2014/main" id="{EE0C0173-2F5B-47A6-861A-F86BA231601D}"/>
              </a:ext>
            </a:extLst>
          </p:cNvPr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9637" name="Rectangle 5">
            <a:extLst>
              <a:ext uri="{FF2B5EF4-FFF2-40B4-BE49-F238E27FC236}">
                <a16:creationId xmlns:a16="http://schemas.microsoft.com/office/drawing/2014/main" id="{479C4E21-31AD-4FE4-A85B-BB1042109623}"/>
              </a:ext>
            </a:extLst>
          </p:cNvPr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ru-RU" altLang="th-TH"/>
              <a:t>Click to edit Master text styles</a:t>
            </a:r>
          </a:p>
          <a:p>
            <a:pPr lvl="1"/>
            <a:r>
              <a:rPr lang="ru-RU" altLang="th-TH"/>
              <a:t>Second level</a:t>
            </a:r>
          </a:p>
          <a:p>
            <a:pPr lvl="2"/>
            <a:r>
              <a:rPr lang="ru-RU" altLang="th-TH"/>
              <a:t>Third level</a:t>
            </a:r>
          </a:p>
          <a:p>
            <a:pPr lvl="3"/>
            <a:r>
              <a:rPr lang="ru-RU" altLang="th-TH"/>
              <a:t>Fourth level</a:t>
            </a:r>
          </a:p>
          <a:p>
            <a:pPr lvl="4"/>
            <a:r>
              <a:rPr lang="ru-RU" altLang="th-TH"/>
              <a:t>Fifth level</a:t>
            </a:r>
          </a:p>
        </p:txBody>
      </p:sp>
      <p:sp>
        <p:nvSpPr>
          <p:cNvPr id="69638" name="Rectangle 6">
            <a:extLst>
              <a:ext uri="{FF2B5EF4-FFF2-40B4-BE49-F238E27FC236}">
                <a16:creationId xmlns:a16="http://schemas.microsoft.com/office/drawing/2014/main" id="{7B6BAABD-3983-49D3-B9A0-5BF2AC9AD77E}"/>
              </a:ext>
            </a:extLst>
          </p:cNvPr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b="0"/>
            </a:lvl1pPr>
          </a:lstStyle>
          <a:p>
            <a:endParaRPr lang="ru-RU" altLang="th-TH"/>
          </a:p>
        </p:txBody>
      </p:sp>
      <p:sp>
        <p:nvSpPr>
          <p:cNvPr id="69639" name="Rectangle 7">
            <a:extLst>
              <a:ext uri="{FF2B5EF4-FFF2-40B4-BE49-F238E27FC236}">
                <a16:creationId xmlns:a16="http://schemas.microsoft.com/office/drawing/2014/main" id="{A99C6CFB-746C-488B-BFA1-023635859A65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b="0"/>
            </a:lvl1pPr>
          </a:lstStyle>
          <a:p>
            <a:fld id="{06332C25-09BA-4775-A629-02A8400E5F14}" type="slidenum">
              <a:rPr lang="ru-RU" altLang="th-TH"/>
              <a:pPr/>
              <a:t>‹#›</a:t>
            </a:fld>
            <a:endParaRPr lang="ru-RU" altLang="th-TH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>
            <a:extLst>
              <a:ext uri="{FF2B5EF4-FFF2-40B4-BE49-F238E27FC236}">
                <a16:creationId xmlns:a16="http://schemas.microsoft.com/office/drawing/2014/main" id="{9E77EC96-C59B-41AB-A64B-C91A43B9D459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>
          <a:xfrm>
            <a:off x="0" y="3068638"/>
            <a:ext cx="5903913" cy="1109662"/>
          </a:xfrm>
          <a:effectLst>
            <a:outerShdw dist="17961" dir="2700000" algn="ctr" rotWithShape="0">
              <a:schemeClr val="bg2"/>
            </a:outerShdw>
          </a:effectLst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th-TH" noProof="0"/>
              <a:t>Click to edit Master title style</a:t>
            </a:r>
            <a:endParaRPr lang="ru-RU" altLang="th-TH" noProof="0"/>
          </a:p>
        </p:txBody>
      </p:sp>
      <p:sp>
        <p:nvSpPr>
          <p:cNvPr id="5123" name="Rectangle 3">
            <a:extLst>
              <a:ext uri="{FF2B5EF4-FFF2-40B4-BE49-F238E27FC236}">
                <a16:creationId xmlns:a16="http://schemas.microsoft.com/office/drawing/2014/main" id="{B70C47F0-4E00-48ED-992B-1AD8D543FF80}"/>
              </a:ext>
            </a:extLst>
          </p:cNvPr>
          <p:cNvSpPr>
            <a:spLocks noGrp="1" noChangeArrowheads="1"/>
          </p:cNvSpPr>
          <p:nvPr>
            <p:ph type="subTitle" idx="1"/>
          </p:nvPr>
        </p:nvSpPr>
        <p:spPr>
          <a:xfrm>
            <a:off x="0" y="3956050"/>
            <a:ext cx="5903913" cy="696913"/>
          </a:xfrm>
          <a:effectLst>
            <a:outerShdw dist="17961" dir="2700000" algn="ctr" rotWithShape="0">
              <a:schemeClr val="bg2"/>
            </a:outerShdw>
          </a:effectLst>
        </p:spPr>
        <p:txBody>
          <a:bodyPr/>
          <a:lstStyle>
            <a:lvl1pPr marL="0" indent="0">
              <a:buFontTx/>
              <a:buNone/>
              <a:defRPr sz="24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th-TH" noProof="0"/>
              <a:t>Click to edit Master subtitle style</a:t>
            </a:r>
            <a:endParaRPr lang="ru-RU" altLang="th-TH" noProof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5614EA-D266-41DB-9E79-6857EE7B35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1C93AB4-791B-45A8-BDC6-33D3E8C88E6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7638666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7A221C5-E0C8-4D9E-9E1B-A39BEF94649A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300788" y="0"/>
            <a:ext cx="1871662" cy="58039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3B018BF-1DEA-4C3C-B37F-18BC76B5995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84213" y="0"/>
            <a:ext cx="5464175" cy="58039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4077626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705C7F-7F42-4897-B862-3CF9CEFAFB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428012-C269-4A51-B58D-73CACCDAC3E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9261505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7D5277-36FE-4419-9E26-17F2A08C4F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C9ABC6-6B8E-40C0-82C4-9125185C68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/>
            </a:lvl1pPr>
            <a:lvl2pPr marL="457200" indent="0">
              <a:buNone/>
              <a:defRPr sz="2000"/>
            </a:lvl2pPr>
            <a:lvl3pPr marL="914400" indent="0">
              <a:buNone/>
              <a:defRPr sz="18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502852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E405F9-1E51-479F-859F-BA89984519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3FD15EE-C1C9-462E-87C7-9038AF670F7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755650" y="692150"/>
            <a:ext cx="3632200" cy="51117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9E360E9-AE43-4A30-BD9F-51711D6ED3D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540250" y="692150"/>
            <a:ext cx="3632200" cy="51117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209967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E57E4E-12D2-45F8-9A76-046822FE98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75D4DAC-A28B-40B8-A538-8EFEC12A764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DD14B04-684C-4A3E-AB9C-695EF9B7C2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3160D80-E172-4A74-B0CD-0EB9087AB21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3A82A34-1FCB-467B-A192-7CA4B67624A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6461807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65B63C-130B-470A-9185-7B3579F4C9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6491018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27520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342A1B-3753-4848-B97C-96F6F8D803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8141B3-D4FB-444B-AAF8-17A23A61CF5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1A87D35-E94A-4D9A-91BF-1E9BDDF15F1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702933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70C298-0BD3-45E7-8F01-6C70E96C84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1063D79-9EED-416F-AA68-E70734D203F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th-TH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42A3200-ECE5-4FED-AA72-3B05326F40C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120381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0">
          <a:blip r:embed="rId13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>
            <a:extLst>
              <a:ext uri="{FF2B5EF4-FFF2-40B4-BE49-F238E27FC236}">
                <a16:creationId xmlns:a16="http://schemas.microsoft.com/office/drawing/2014/main" id="{A1A6610F-5D5E-42D1-9A45-01B9CA9B704F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684213" y="0"/>
            <a:ext cx="7416800" cy="50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th-TH"/>
              <a:t>Click to edit Master title style</a:t>
            </a:r>
            <a:endParaRPr lang="ru-RU" altLang="th-TH"/>
          </a:p>
        </p:txBody>
      </p:sp>
      <p:sp>
        <p:nvSpPr>
          <p:cNvPr id="1027" name="Rectangle 3">
            <a:extLst>
              <a:ext uri="{FF2B5EF4-FFF2-40B4-BE49-F238E27FC236}">
                <a16:creationId xmlns:a16="http://schemas.microsoft.com/office/drawing/2014/main" id="{1074A71D-71FB-4E32-8D6E-B7F3CDF4DC83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755650" y="692150"/>
            <a:ext cx="7416800" cy="51117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th-TH"/>
              <a:t>Edit Master text styles</a:t>
            </a:r>
          </a:p>
          <a:p>
            <a:pPr lvl="1"/>
            <a:r>
              <a:rPr lang="en-US" altLang="th-TH"/>
              <a:t>Second level</a:t>
            </a:r>
          </a:p>
          <a:p>
            <a:pPr lvl="2"/>
            <a:r>
              <a:rPr lang="en-US" altLang="th-TH"/>
              <a:t>Third level</a:t>
            </a:r>
          </a:p>
          <a:p>
            <a:pPr lvl="3"/>
            <a:r>
              <a:rPr lang="en-US" altLang="th-TH"/>
              <a:t>Fourth level</a:t>
            </a:r>
          </a:p>
          <a:p>
            <a:pPr lvl="4"/>
            <a:r>
              <a:rPr lang="en-US" altLang="th-TH"/>
              <a:t>Fifth level</a:t>
            </a:r>
            <a:endParaRPr lang="ru-RU" altLang="th-TH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rtl="0" eaLnBrk="1" fontAlgn="base" hangingPunct="1">
        <a:spcBef>
          <a:spcPct val="0"/>
        </a:spcBef>
        <a:spcAft>
          <a:spcPct val="0"/>
        </a:spcAft>
        <a:defRPr sz="3600" b="1" kern="1200">
          <a:solidFill>
            <a:schemeClr val="bg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har char="•"/>
        <a:defRPr sz="2800" kern="1200">
          <a:solidFill>
            <a:schemeClr val="bg2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har char="–"/>
        <a:defRPr sz="2400" b="1" kern="1200">
          <a:solidFill>
            <a:schemeClr val="bg2"/>
          </a:solidFill>
          <a:latin typeface="+mn-lt"/>
          <a:ea typeface="+mn-ea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har char="•"/>
        <a:defRPr sz="2400" kern="1200">
          <a:solidFill>
            <a:schemeClr val="bg2"/>
          </a:solidFill>
          <a:latin typeface="+mn-lt"/>
          <a:ea typeface="+mn-ea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 kern="1200">
          <a:solidFill>
            <a:schemeClr val="bg2"/>
          </a:solidFill>
          <a:latin typeface="+mn-lt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 kern="1200">
          <a:solidFill>
            <a:schemeClr val="bg2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th-TH"/>
      </a:defPPr>
      <a:lvl1pPr marL="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sv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svg"/><Relationship Id="rId5" Type="http://schemas.openxmlformats.org/officeDocument/2006/relationships/image" Target="../media/image6.png"/><Relationship Id="rId4" Type="http://schemas.openxmlformats.org/officeDocument/2006/relationships/image" Target="../media/image5.jp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9.svg"/><Relationship Id="rId7" Type="http://schemas.openxmlformats.org/officeDocument/2006/relationships/diagramColors" Target="../diagrams/colors1.xml"/><Relationship Id="rId12" Type="http://schemas.openxmlformats.org/officeDocument/2006/relationships/image" Target="../media/image13.jp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1.xml"/><Relationship Id="rId11" Type="http://schemas.openxmlformats.org/officeDocument/2006/relationships/image" Target="../media/image12.gif"/><Relationship Id="rId5" Type="http://schemas.openxmlformats.org/officeDocument/2006/relationships/diagramLayout" Target="../diagrams/layout1.xml"/><Relationship Id="rId10" Type="http://schemas.openxmlformats.org/officeDocument/2006/relationships/image" Target="../media/image11.png"/><Relationship Id="rId4" Type="http://schemas.openxmlformats.org/officeDocument/2006/relationships/diagramData" Target="../diagrams/data1.xml"/><Relationship Id="rId9" Type="http://schemas.openxmlformats.org/officeDocument/2006/relationships/image" Target="../media/image10.jp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svg"/><Relationship Id="rId13" Type="http://schemas.openxmlformats.org/officeDocument/2006/relationships/image" Target="../media/image18.png"/><Relationship Id="rId3" Type="http://schemas.openxmlformats.org/officeDocument/2006/relationships/diagramLayout" Target="../diagrams/layout2.xml"/><Relationship Id="rId7" Type="http://schemas.openxmlformats.org/officeDocument/2006/relationships/image" Target="../media/image8.png"/><Relationship Id="rId12" Type="http://schemas.openxmlformats.org/officeDocument/2006/relationships/image" Target="../media/image17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11" Type="http://schemas.openxmlformats.org/officeDocument/2006/relationships/image" Target="../media/image16.jpg"/><Relationship Id="rId5" Type="http://schemas.openxmlformats.org/officeDocument/2006/relationships/diagramColors" Target="../diagrams/colors2.xml"/><Relationship Id="rId10" Type="http://schemas.openxmlformats.org/officeDocument/2006/relationships/image" Target="../media/image15.png"/><Relationship Id="rId4" Type="http://schemas.openxmlformats.org/officeDocument/2006/relationships/diagramQuickStyle" Target="../diagrams/quickStyle2.xml"/><Relationship Id="rId9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image" Target="../media/image9.svg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8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26" Type="http://schemas.openxmlformats.org/officeDocument/2006/relationships/tags" Target="../tags/tag130.xml"/><Relationship Id="rId39" Type="http://schemas.openxmlformats.org/officeDocument/2006/relationships/tags" Target="../tags/tag143.xml"/><Relationship Id="rId21" Type="http://schemas.openxmlformats.org/officeDocument/2006/relationships/tags" Target="../tags/tag125.xml"/><Relationship Id="rId34" Type="http://schemas.openxmlformats.org/officeDocument/2006/relationships/tags" Target="../tags/tag138.xml"/><Relationship Id="rId42" Type="http://schemas.openxmlformats.org/officeDocument/2006/relationships/slideLayout" Target="../slideLayouts/slideLayout7.xml"/><Relationship Id="rId7" Type="http://schemas.openxmlformats.org/officeDocument/2006/relationships/tags" Target="../tags/tag111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0" Type="http://schemas.openxmlformats.org/officeDocument/2006/relationships/tags" Target="../tags/tag124.xml"/><Relationship Id="rId29" Type="http://schemas.openxmlformats.org/officeDocument/2006/relationships/tags" Target="../tags/tag133.xml"/><Relationship Id="rId41" Type="http://schemas.openxmlformats.org/officeDocument/2006/relationships/tags" Target="../tags/tag145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5" Type="http://schemas.openxmlformats.org/officeDocument/2006/relationships/tags" Target="../tags/tag109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10" Type="http://schemas.openxmlformats.org/officeDocument/2006/relationships/tags" Target="../tags/tag114.xml"/><Relationship Id="rId19" Type="http://schemas.openxmlformats.org/officeDocument/2006/relationships/tags" Target="../tags/tag123.xml"/><Relationship Id="rId31" Type="http://schemas.openxmlformats.org/officeDocument/2006/relationships/tags" Target="../tags/tag135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8" Type="http://schemas.openxmlformats.org/officeDocument/2006/relationships/tags" Target="../tags/tag112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28" name="Rectangle 12">
            <a:extLst>
              <a:ext uri="{FF2B5EF4-FFF2-40B4-BE49-F238E27FC236}">
                <a16:creationId xmlns:a16="http://schemas.microsoft.com/office/drawing/2014/main" id="{77DEA1C6-E475-4F23-865B-03C93108BFA8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>
          <a:xfrm>
            <a:off x="107504" y="3357563"/>
            <a:ext cx="6049367" cy="287461"/>
          </a:xfrm>
        </p:spPr>
        <p:txBody>
          <a:bodyPr/>
          <a:lstStyle/>
          <a:p>
            <a:r>
              <a:rPr lang="en-US" altLang="th-TH" sz="3600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Movie recommendation system </a:t>
            </a:r>
            <a:br>
              <a:rPr lang="en-US" altLang="th-TH" sz="3600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</a:br>
            <a:r>
              <a:rPr lang="en-US" altLang="th-TH" sz="3600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based on user rating</a:t>
            </a:r>
          </a:p>
        </p:txBody>
      </p:sp>
      <p:sp>
        <p:nvSpPr>
          <p:cNvPr id="34829" name="Rectangle 13">
            <a:extLst>
              <a:ext uri="{FF2B5EF4-FFF2-40B4-BE49-F238E27FC236}">
                <a16:creationId xmlns:a16="http://schemas.microsoft.com/office/drawing/2014/main" id="{90633884-6519-4472-9991-9F22DC7842CC}"/>
              </a:ext>
            </a:extLst>
          </p:cNvPr>
          <p:cNvSpPr>
            <a:spLocks noGrp="1" noChangeArrowheads="1"/>
          </p:cNvSpPr>
          <p:nvPr>
            <p:ph type="subTitle" idx="1"/>
          </p:nvPr>
        </p:nvSpPr>
        <p:spPr>
          <a:xfrm>
            <a:off x="108199" y="3933825"/>
            <a:ext cx="4824784" cy="503287"/>
          </a:xfrm>
        </p:spPr>
        <p:txBody>
          <a:bodyPr/>
          <a:lstStyle/>
          <a:p>
            <a:r>
              <a:rPr lang="th-TH" altLang="th-TH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แนะนำภาพยนต์โดยใช้การให้คะแนนของผู้ใช้งาน</a:t>
            </a:r>
            <a:endParaRPr lang="uk-UA" altLang="th-TH" dirty="0">
              <a:effectLst>
                <a:glow rad="63500">
                  <a:schemeClr val="accent4">
                    <a:satMod val="175000"/>
                    <a:alpha val="40000"/>
                  </a:schemeClr>
                </a:glow>
              </a:effectLst>
              <a:cs typeface="TH Sarabun New" panose="020B0500040200020003" pitchFamily="34" charset="-34"/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>
        <p14:window dir="vert"/>
      </p:transition>
    </mc:Choice>
    <mc:Fallback xmlns="">
      <p:transition spd="slow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DBF96BDE-ECB8-43AC-BF35-F5BC53CF03F8}"/>
              </a:ext>
            </a:extLst>
          </p:cNvPr>
          <p:cNvSpPr/>
          <p:nvPr/>
        </p:nvSpPr>
        <p:spPr>
          <a:xfrm>
            <a:off x="6283838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1CB414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Output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59BAA3AA-555A-4290-9189-F655A9B8FA9B}"/>
              </a:ext>
            </a:extLst>
          </p:cNvPr>
          <p:cNvGrpSpPr/>
          <p:nvPr/>
        </p:nvGrpSpPr>
        <p:grpSpPr>
          <a:xfrm>
            <a:off x="2555776" y="404664"/>
            <a:ext cx="1592756" cy="1592756"/>
            <a:chOff x="2454821" y="178981"/>
            <a:chExt cx="1592756" cy="1592756"/>
          </a:xfrm>
          <a:solidFill>
            <a:srgbClr val="1F915D"/>
          </a:solidFill>
        </p:grpSpPr>
        <p:sp>
          <p:nvSpPr>
            <p:cNvPr id="7" name="Shape 6">
              <a:extLst>
                <a:ext uri="{FF2B5EF4-FFF2-40B4-BE49-F238E27FC236}">
                  <a16:creationId xmlns:a16="http://schemas.microsoft.com/office/drawing/2014/main" id="{BEDBD805-5D4D-42E1-B79B-4E5EDD5F4355}"/>
                </a:ext>
              </a:extLst>
            </p:cNvPr>
            <p:cNvSpPr/>
            <p:nvPr/>
          </p:nvSpPr>
          <p:spPr>
            <a:xfrm rot="20700000">
              <a:off x="2454821" y="178981"/>
              <a:ext cx="1592756" cy="1592756"/>
            </a:xfrm>
            <a:prstGeom prst="gear6">
              <a:avLst/>
            </a:prstGeom>
            <a:grpFill/>
            <a:ln w="44450">
              <a:solidFill>
                <a:schemeClr val="bg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8" name="Shape 4">
              <a:extLst>
                <a:ext uri="{FF2B5EF4-FFF2-40B4-BE49-F238E27FC236}">
                  <a16:creationId xmlns:a16="http://schemas.microsoft.com/office/drawing/2014/main" id="{F31CAF63-4673-47A1-A6AC-F585EB0B6A5E}"/>
                </a:ext>
              </a:extLst>
            </p:cNvPr>
            <p:cNvSpPr txBox="1"/>
            <p:nvPr/>
          </p:nvSpPr>
          <p:spPr>
            <a:xfrm>
              <a:off x="2804160" y="528320"/>
              <a:ext cx="894080" cy="894080"/>
            </a:xfrm>
            <a:prstGeom prst="rect">
              <a:avLst/>
            </a:prstGeom>
            <a:no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4290" tIns="34290" rIns="34290" bIns="34290" numCol="1" spcCol="1270" anchor="ctr" anchorCtr="0">
              <a:noAutofit/>
            </a:bodyPr>
            <a:lstStyle/>
            <a:p>
              <a:pPr marL="0" lvl="0" indent="0" algn="ctr" defTabSz="1200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HOW ?</a:t>
              </a:r>
              <a:endParaRPr lang="en-US" sz="2600" kern="1200" dirty="0"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sp>
        <p:nvSpPr>
          <p:cNvPr id="2" name="Arrow: Striped Right 1">
            <a:extLst>
              <a:ext uri="{FF2B5EF4-FFF2-40B4-BE49-F238E27FC236}">
                <a16:creationId xmlns:a16="http://schemas.microsoft.com/office/drawing/2014/main" id="{61F436E7-1E06-4FB2-B775-9000D7A0CC46}"/>
              </a:ext>
            </a:extLst>
          </p:cNvPr>
          <p:cNvSpPr/>
          <p:nvPr/>
        </p:nvSpPr>
        <p:spPr bwMode="auto">
          <a:xfrm>
            <a:off x="2376794" y="3071935"/>
            <a:ext cx="1422401" cy="648072"/>
          </a:xfrm>
          <a:prstGeom prst="stripedRightArrow">
            <a:avLst/>
          </a:prstGeom>
          <a:solidFill>
            <a:srgbClr val="00B0F0"/>
          </a:solidFill>
          <a:ln w="95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grpSp>
        <p:nvGrpSpPr>
          <p:cNvPr id="31" name="Group 30">
            <a:extLst>
              <a:ext uri="{FF2B5EF4-FFF2-40B4-BE49-F238E27FC236}">
                <a16:creationId xmlns:a16="http://schemas.microsoft.com/office/drawing/2014/main" id="{1F83A45A-C708-4CF8-992D-4EB2CC398889}"/>
              </a:ext>
            </a:extLst>
          </p:cNvPr>
          <p:cNvGrpSpPr/>
          <p:nvPr/>
        </p:nvGrpSpPr>
        <p:grpSpPr>
          <a:xfrm>
            <a:off x="4321775" y="2922961"/>
            <a:ext cx="3924124" cy="443941"/>
            <a:chOff x="4321775" y="2922961"/>
            <a:chExt cx="3924124" cy="443941"/>
          </a:xfrm>
        </p:grpSpPr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BECCA4E5-83D4-43E6-A772-22C8A9B5304E}"/>
                </a:ext>
              </a:extLst>
            </p:cNvPr>
            <p:cNvSpPr/>
            <p:nvPr/>
          </p:nvSpPr>
          <p:spPr>
            <a:xfrm>
              <a:off x="4321775" y="2922961"/>
              <a:ext cx="3924124" cy="356738"/>
            </a:xfrm>
            <a:custGeom>
              <a:avLst/>
              <a:gdLst>
                <a:gd name="connsiteX0" fmla="*/ 0 w 3924124"/>
                <a:gd name="connsiteY0" fmla="*/ 0 h 356738"/>
                <a:gd name="connsiteX1" fmla="*/ 3924124 w 3924124"/>
                <a:gd name="connsiteY1" fmla="*/ 0 h 356738"/>
                <a:gd name="connsiteX2" fmla="*/ 3924124 w 3924124"/>
                <a:gd name="connsiteY2" fmla="*/ 356738 h 356738"/>
                <a:gd name="connsiteX3" fmla="*/ 0 w 3924124"/>
                <a:gd name="connsiteY3" fmla="*/ 356738 h 356738"/>
                <a:gd name="connsiteX4" fmla="*/ 0 w 3924124"/>
                <a:gd name="connsiteY4" fmla="*/ 0 h 3567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924124" h="356738">
                  <a:moveTo>
                    <a:pt x="0" y="0"/>
                  </a:moveTo>
                  <a:lnTo>
                    <a:pt x="3924124" y="0"/>
                  </a:lnTo>
                  <a:lnTo>
                    <a:pt x="3924124" y="356738"/>
                  </a:lnTo>
                  <a:lnTo>
                    <a:pt x="0" y="356738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2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64770" tIns="64770" rIns="64770" bIns="64770" numCol="1" spcCol="1270" anchor="b" anchorCtr="0">
              <a:noAutofit/>
            </a:bodyPr>
            <a:lstStyle/>
            <a:p>
              <a:pPr marL="0" lvl="0" indent="0" algn="l" defTabSz="7556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700" kern="1200" dirty="0">
                  <a:solidFill>
                    <a:schemeClr val="tx1">
                      <a:lumMod val="50000"/>
                    </a:schemeClr>
                  </a:solidFill>
                  <a:effectLst>
                    <a:outerShdw blurRad="50800" dist="38100" dir="8100000" algn="tr" rotWithShape="0">
                      <a:prstClr val="black">
                        <a:alpha val="40000"/>
                      </a:prstClr>
                    </a:outerShdw>
                  </a:effectLst>
                </a:rPr>
                <a:t>Recommend List</a:t>
              </a:r>
            </a:p>
          </p:txBody>
        </p: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4652E5D0-7A70-463F-A7FC-3F3D76C07514}"/>
                </a:ext>
              </a:extLst>
            </p:cNvPr>
            <p:cNvGrpSpPr/>
            <p:nvPr/>
          </p:nvGrpSpPr>
          <p:grpSpPr>
            <a:xfrm>
              <a:off x="4321775" y="3279700"/>
              <a:ext cx="3845642" cy="87202"/>
              <a:chOff x="4321775" y="3279700"/>
              <a:chExt cx="3845642" cy="87202"/>
            </a:xfrm>
          </p:grpSpPr>
          <p:sp>
            <p:nvSpPr>
              <p:cNvPr id="15" name="Parallelogram 14">
                <a:extLst>
                  <a:ext uri="{FF2B5EF4-FFF2-40B4-BE49-F238E27FC236}">
                    <a16:creationId xmlns:a16="http://schemas.microsoft.com/office/drawing/2014/main" id="{CBD16861-A9FF-4C51-97B8-0FF372A4D235}"/>
                  </a:ext>
                </a:extLst>
              </p:cNvPr>
              <p:cNvSpPr/>
              <p:nvPr/>
            </p:nvSpPr>
            <p:spPr>
              <a:xfrm>
                <a:off x="4321775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6" name="Parallelogram 15">
                <a:extLst>
                  <a:ext uri="{FF2B5EF4-FFF2-40B4-BE49-F238E27FC236}">
                    <a16:creationId xmlns:a16="http://schemas.microsoft.com/office/drawing/2014/main" id="{EB50F835-EE54-4736-AF76-486F378DE1A2}"/>
                  </a:ext>
                </a:extLst>
              </p:cNvPr>
              <p:cNvSpPr/>
              <p:nvPr/>
            </p:nvSpPr>
            <p:spPr>
              <a:xfrm>
                <a:off x="4875513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7" name="Parallelogram 16">
                <a:extLst>
                  <a:ext uri="{FF2B5EF4-FFF2-40B4-BE49-F238E27FC236}">
                    <a16:creationId xmlns:a16="http://schemas.microsoft.com/office/drawing/2014/main" id="{6A3F44A2-C58D-492A-A83C-362595881A26}"/>
                  </a:ext>
                </a:extLst>
              </p:cNvPr>
              <p:cNvSpPr/>
              <p:nvPr/>
            </p:nvSpPr>
            <p:spPr>
              <a:xfrm>
                <a:off x="5429250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8" name="Parallelogram 17">
                <a:extLst>
                  <a:ext uri="{FF2B5EF4-FFF2-40B4-BE49-F238E27FC236}">
                    <a16:creationId xmlns:a16="http://schemas.microsoft.com/office/drawing/2014/main" id="{4F5C303E-621C-4B8F-B5EB-5D65C1EA2911}"/>
                  </a:ext>
                </a:extLst>
              </p:cNvPr>
              <p:cNvSpPr/>
              <p:nvPr/>
            </p:nvSpPr>
            <p:spPr>
              <a:xfrm>
                <a:off x="5982988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9" name="Parallelogram 18">
                <a:extLst>
                  <a:ext uri="{FF2B5EF4-FFF2-40B4-BE49-F238E27FC236}">
                    <a16:creationId xmlns:a16="http://schemas.microsoft.com/office/drawing/2014/main" id="{D2F4ED67-ED16-4DC6-93DC-2FDD416C627A}"/>
                  </a:ext>
                </a:extLst>
              </p:cNvPr>
              <p:cNvSpPr/>
              <p:nvPr/>
            </p:nvSpPr>
            <p:spPr>
              <a:xfrm>
                <a:off x="6536726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0" name="Parallelogram 19">
                <a:extLst>
                  <a:ext uri="{FF2B5EF4-FFF2-40B4-BE49-F238E27FC236}">
                    <a16:creationId xmlns:a16="http://schemas.microsoft.com/office/drawing/2014/main" id="{A237BDF7-49C4-4973-8EDC-09A94E0DA3BF}"/>
                  </a:ext>
                </a:extLst>
              </p:cNvPr>
              <p:cNvSpPr/>
              <p:nvPr/>
            </p:nvSpPr>
            <p:spPr>
              <a:xfrm>
                <a:off x="7090463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1" name="Parallelogram 20">
                <a:extLst>
                  <a:ext uri="{FF2B5EF4-FFF2-40B4-BE49-F238E27FC236}">
                    <a16:creationId xmlns:a16="http://schemas.microsoft.com/office/drawing/2014/main" id="{75E70AF0-11AB-4B3C-8468-02D975375535}"/>
                  </a:ext>
                </a:extLst>
              </p:cNvPr>
              <p:cNvSpPr/>
              <p:nvPr/>
            </p:nvSpPr>
            <p:spPr>
              <a:xfrm>
                <a:off x="7644201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</p:grp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7C9120DE-0010-4959-A239-9B98DD561A91}"/>
              </a:ext>
            </a:extLst>
          </p:cNvPr>
          <p:cNvGrpSpPr/>
          <p:nvPr/>
        </p:nvGrpSpPr>
        <p:grpSpPr>
          <a:xfrm>
            <a:off x="4836272" y="3425038"/>
            <a:ext cx="3924124" cy="443940"/>
            <a:chOff x="4321775" y="3425038"/>
            <a:chExt cx="3924124" cy="443940"/>
          </a:xfrm>
        </p:grpSpPr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82408491-6D07-4637-A8A3-8A9A1ED95BFB}"/>
                </a:ext>
              </a:extLst>
            </p:cNvPr>
            <p:cNvSpPr/>
            <p:nvPr/>
          </p:nvSpPr>
          <p:spPr>
            <a:xfrm>
              <a:off x="4321775" y="3425038"/>
              <a:ext cx="3924124" cy="356738"/>
            </a:xfrm>
            <a:custGeom>
              <a:avLst/>
              <a:gdLst>
                <a:gd name="connsiteX0" fmla="*/ 0 w 3924124"/>
                <a:gd name="connsiteY0" fmla="*/ 0 h 356738"/>
                <a:gd name="connsiteX1" fmla="*/ 3924124 w 3924124"/>
                <a:gd name="connsiteY1" fmla="*/ 0 h 356738"/>
                <a:gd name="connsiteX2" fmla="*/ 3924124 w 3924124"/>
                <a:gd name="connsiteY2" fmla="*/ 356738 h 356738"/>
                <a:gd name="connsiteX3" fmla="*/ 0 w 3924124"/>
                <a:gd name="connsiteY3" fmla="*/ 356738 h 356738"/>
                <a:gd name="connsiteX4" fmla="*/ 0 w 3924124"/>
                <a:gd name="connsiteY4" fmla="*/ 0 h 3567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924124" h="356738">
                  <a:moveTo>
                    <a:pt x="0" y="0"/>
                  </a:moveTo>
                  <a:lnTo>
                    <a:pt x="3924124" y="0"/>
                  </a:lnTo>
                  <a:lnTo>
                    <a:pt x="3924124" y="356738"/>
                  </a:lnTo>
                  <a:lnTo>
                    <a:pt x="0" y="356738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noFill/>
            </a:ln>
            <a:effectLst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64770" tIns="64770" rIns="64770" bIns="64770" numCol="1" spcCol="1270" anchor="b" anchorCtr="0">
              <a:noAutofit/>
            </a:bodyPr>
            <a:lstStyle/>
            <a:p>
              <a:pPr marL="0" lvl="0" indent="0" algn="l" defTabSz="7556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700" kern="1200" dirty="0">
                  <a:solidFill>
                    <a:srgbClr val="4D4D4D">
                      <a:lumMod val="50000"/>
                    </a:srgbClr>
                  </a:solidFill>
                  <a:effectLst>
                    <a:outerShdw blurRad="50800" dist="38100" dir="8100000" algn="tr" rotWithShape="0">
                      <a:prstClr val="black">
                        <a:alpha val="40000"/>
                      </a:prstClr>
                    </a:outerShdw>
                  </a:effectLst>
                  <a:latin typeface="Arial"/>
                  <a:ea typeface="+mn-ea"/>
                  <a:cs typeface="+mn-cs"/>
                </a:rPr>
                <a:t>Category List</a:t>
              </a:r>
            </a:p>
          </p:txBody>
        </p:sp>
        <p:grpSp>
          <p:nvGrpSpPr>
            <p:cNvPr id="32" name="Group 31">
              <a:extLst>
                <a:ext uri="{FF2B5EF4-FFF2-40B4-BE49-F238E27FC236}">
                  <a16:creationId xmlns:a16="http://schemas.microsoft.com/office/drawing/2014/main" id="{F6D5B2D2-7F43-4BFA-8846-1DAA301584D7}"/>
                </a:ext>
              </a:extLst>
            </p:cNvPr>
            <p:cNvGrpSpPr/>
            <p:nvPr/>
          </p:nvGrpSpPr>
          <p:grpSpPr>
            <a:xfrm>
              <a:off x="4321775" y="3781776"/>
              <a:ext cx="3845642" cy="87202"/>
              <a:chOff x="4321775" y="3781776"/>
              <a:chExt cx="3845642" cy="87202"/>
            </a:xfrm>
          </p:grpSpPr>
          <p:sp>
            <p:nvSpPr>
              <p:cNvPr id="23" name="Parallelogram 22">
                <a:extLst>
                  <a:ext uri="{FF2B5EF4-FFF2-40B4-BE49-F238E27FC236}">
                    <a16:creationId xmlns:a16="http://schemas.microsoft.com/office/drawing/2014/main" id="{7B70AB47-393B-4CE3-A6BD-B0B9DCD3E0D7}"/>
                  </a:ext>
                </a:extLst>
              </p:cNvPr>
              <p:cNvSpPr/>
              <p:nvPr/>
            </p:nvSpPr>
            <p:spPr>
              <a:xfrm>
                <a:off x="4321775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4" name="Parallelogram 23">
                <a:extLst>
                  <a:ext uri="{FF2B5EF4-FFF2-40B4-BE49-F238E27FC236}">
                    <a16:creationId xmlns:a16="http://schemas.microsoft.com/office/drawing/2014/main" id="{A55730B9-96FB-4DFB-95D3-3092E0D132DE}"/>
                  </a:ext>
                </a:extLst>
              </p:cNvPr>
              <p:cNvSpPr/>
              <p:nvPr/>
            </p:nvSpPr>
            <p:spPr>
              <a:xfrm>
                <a:off x="4875513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5" name="Parallelogram 24">
                <a:extLst>
                  <a:ext uri="{FF2B5EF4-FFF2-40B4-BE49-F238E27FC236}">
                    <a16:creationId xmlns:a16="http://schemas.microsoft.com/office/drawing/2014/main" id="{099B6107-1169-402E-A905-6109731F783A}"/>
                  </a:ext>
                </a:extLst>
              </p:cNvPr>
              <p:cNvSpPr/>
              <p:nvPr/>
            </p:nvSpPr>
            <p:spPr>
              <a:xfrm>
                <a:off x="5429250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6" name="Parallelogram 25">
                <a:extLst>
                  <a:ext uri="{FF2B5EF4-FFF2-40B4-BE49-F238E27FC236}">
                    <a16:creationId xmlns:a16="http://schemas.microsoft.com/office/drawing/2014/main" id="{2C0F5608-4C64-49BF-9118-0B7BDA33B251}"/>
                  </a:ext>
                </a:extLst>
              </p:cNvPr>
              <p:cNvSpPr/>
              <p:nvPr/>
            </p:nvSpPr>
            <p:spPr>
              <a:xfrm>
                <a:off x="5982988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7" name="Parallelogram 26">
                <a:extLst>
                  <a:ext uri="{FF2B5EF4-FFF2-40B4-BE49-F238E27FC236}">
                    <a16:creationId xmlns:a16="http://schemas.microsoft.com/office/drawing/2014/main" id="{6CBA3B6C-5431-4EB7-A352-3C0FF59DC1F9}"/>
                  </a:ext>
                </a:extLst>
              </p:cNvPr>
              <p:cNvSpPr/>
              <p:nvPr/>
            </p:nvSpPr>
            <p:spPr>
              <a:xfrm>
                <a:off x="6536726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8" name="Parallelogram 27">
                <a:extLst>
                  <a:ext uri="{FF2B5EF4-FFF2-40B4-BE49-F238E27FC236}">
                    <a16:creationId xmlns:a16="http://schemas.microsoft.com/office/drawing/2014/main" id="{096A1728-7066-4A64-B646-636363809F89}"/>
                  </a:ext>
                </a:extLst>
              </p:cNvPr>
              <p:cNvSpPr/>
              <p:nvPr/>
            </p:nvSpPr>
            <p:spPr>
              <a:xfrm>
                <a:off x="7090463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9" name="Parallelogram 28">
                <a:extLst>
                  <a:ext uri="{FF2B5EF4-FFF2-40B4-BE49-F238E27FC236}">
                    <a16:creationId xmlns:a16="http://schemas.microsoft.com/office/drawing/2014/main" id="{58954733-C2E5-448A-A7D8-B023AF6555F2}"/>
                  </a:ext>
                </a:extLst>
              </p:cNvPr>
              <p:cNvSpPr/>
              <p:nvPr/>
            </p:nvSpPr>
            <p:spPr>
              <a:xfrm>
                <a:off x="7644201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</p:grpSp>
      </p:grpSp>
    </p:spTree>
    <p:extLst>
      <p:ext uri="{BB962C8B-B14F-4D97-AF65-F5344CB8AC3E}">
        <p14:creationId xmlns:p14="http://schemas.microsoft.com/office/powerpoint/2010/main" val="133443134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66667E-6 1.11111E-6 L -0.59219 1.11111E-6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9618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2000"/>
                            </p:stCondLst>
                            <p:childTnLst>
                              <p:par>
                                <p:cTn id="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2500"/>
                            </p:stCondLst>
                            <p:childTnLst>
                              <p:par>
                                <p:cTn id="1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1" animBg="1"/>
      <p:bldP spid="2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Flowchart: Manual Operation 4">
            <a:extLst>
              <a:ext uri="{FF2B5EF4-FFF2-40B4-BE49-F238E27FC236}">
                <a16:creationId xmlns:a16="http://schemas.microsoft.com/office/drawing/2014/main" id="{63921811-11E2-4DED-A615-8C2681BD8050}"/>
              </a:ext>
            </a:extLst>
          </p:cNvPr>
          <p:cNvSpPr txBox="1"/>
          <p:nvPr/>
        </p:nvSpPr>
        <p:spPr>
          <a:xfrm flipH="1">
            <a:off x="1619672" y="1993776"/>
            <a:ext cx="1512168" cy="243840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79400" tIns="0" rIns="278712" bIns="0" numCol="1" spcCol="1270" anchor="t" anchorCtr="0">
            <a:noAutofit/>
          </a:bodyPr>
          <a:lstStyle/>
          <a:p>
            <a:pPr marL="0" lvl="0" indent="0" algn="l" defTabSz="1955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000" kern="1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C16DBE3D-921D-4135-BF3A-521C0F17A869}"/>
              </a:ext>
            </a:extLst>
          </p:cNvPr>
          <p:cNvSpPr/>
          <p:nvPr/>
        </p:nvSpPr>
        <p:spPr>
          <a:xfrm>
            <a:off x="3425179" y="2040285"/>
            <a:ext cx="2231935" cy="2231887"/>
          </a:xfrm>
          <a:custGeom>
            <a:avLst/>
            <a:gdLst>
              <a:gd name="connsiteX0" fmla="*/ 0 w 1907559"/>
              <a:gd name="connsiteY0" fmla="*/ 953759 h 1907518"/>
              <a:gd name="connsiteX1" fmla="*/ 953780 w 1907559"/>
              <a:gd name="connsiteY1" fmla="*/ 0 h 1907518"/>
              <a:gd name="connsiteX2" fmla="*/ 1907560 w 1907559"/>
              <a:gd name="connsiteY2" fmla="*/ 953759 h 1907518"/>
              <a:gd name="connsiteX3" fmla="*/ 953780 w 1907559"/>
              <a:gd name="connsiteY3" fmla="*/ 1907518 h 1907518"/>
              <a:gd name="connsiteX4" fmla="*/ 0 w 1907559"/>
              <a:gd name="connsiteY4" fmla="*/ 953759 h 19075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07559" h="1907518">
                <a:moveTo>
                  <a:pt x="0" y="953759"/>
                </a:moveTo>
                <a:cubicBezTo>
                  <a:pt x="0" y="427012"/>
                  <a:pt x="427022" y="0"/>
                  <a:pt x="953780" y="0"/>
                </a:cubicBezTo>
                <a:cubicBezTo>
                  <a:pt x="1480538" y="0"/>
                  <a:pt x="1907560" y="427012"/>
                  <a:pt x="1907560" y="953759"/>
                </a:cubicBezTo>
                <a:cubicBezTo>
                  <a:pt x="1907560" y="1480506"/>
                  <a:pt x="1480538" y="1907518"/>
                  <a:pt x="953780" y="1907518"/>
                </a:cubicBezTo>
                <a:cubicBezTo>
                  <a:pt x="427022" y="1907518"/>
                  <a:pt x="0" y="1480506"/>
                  <a:pt x="0" y="953759"/>
                </a:cubicBezTo>
                <a:close/>
              </a:path>
            </a:pathLst>
          </a:custGeom>
          <a:solidFill>
            <a:srgbClr val="000000">
              <a:lumMod val="75000"/>
              <a:lumOff val="25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1249" tIns="205223" rIns="221249" bIns="205223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</a:pPr>
            <a:r>
              <a:rPr lang="en-US" sz="360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Objective</a:t>
            </a:r>
            <a:endParaRPr lang="en-US" sz="36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F9B5C63-EC9A-4340-9827-2B687FF8F960}"/>
              </a:ext>
            </a:extLst>
          </p:cNvPr>
          <p:cNvSpPr/>
          <p:nvPr/>
        </p:nvSpPr>
        <p:spPr>
          <a:xfrm>
            <a:off x="4610303" y="1468214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341E2B2A-FBC9-4308-AD8B-FD478A426F12}"/>
              </a:ext>
            </a:extLst>
          </p:cNvPr>
          <p:cNvSpPr/>
          <p:nvPr/>
        </p:nvSpPr>
        <p:spPr>
          <a:xfrm>
            <a:off x="3747107" y="4668826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6390A8D4-C698-4712-BDAF-4CED39D83F0D}"/>
              </a:ext>
            </a:extLst>
          </p:cNvPr>
          <p:cNvSpPr/>
          <p:nvPr/>
        </p:nvSpPr>
        <p:spPr>
          <a:xfrm>
            <a:off x="6228789" y="2964857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38050C58-FF22-4825-BA86-0EF6990F8CC0}"/>
              </a:ext>
            </a:extLst>
          </p:cNvPr>
          <p:cNvSpPr/>
          <p:nvPr/>
        </p:nvSpPr>
        <p:spPr>
          <a:xfrm>
            <a:off x="4965700" y="4932825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993E2B55-F181-4E56-9E95-015900BF8712}"/>
              </a:ext>
            </a:extLst>
          </p:cNvPr>
          <p:cNvSpPr/>
          <p:nvPr/>
        </p:nvSpPr>
        <p:spPr>
          <a:xfrm>
            <a:off x="3822088" y="2003358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ACF9C591-A629-47A3-A0D3-0ED3D8843C67}"/>
              </a:ext>
            </a:extLst>
          </p:cNvPr>
          <p:cNvSpPr/>
          <p:nvPr/>
        </p:nvSpPr>
        <p:spPr>
          <a:xfrm>
            <a:off x="2989984" y="3514722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FF63DF9-CEEF-459B-83D6-A08FEAF28FF3}"/>
              </a:ext>
            </a:extLst>
          </p:cNvPr>
          <p:cNvSpPr/>
          <p:nvPr/>
        </p:nvSpPr>
        <p:spPr>
          <a:xfrm>
            <a:off x="1715922" y="2044612"/>
            <a:ext cx="1559188" cy="1558690"/>
          </a:xfrm>
          <a:custGeom>
            <a:avLst/>
            <a:gdLst>
              <a:gd name="connsiteX0" fmla="*/ 0 w 1332585"/>
              <a:gd name="connsiteY0" fmla="*/ 666080 h 1332159"/>
              <a:gd name="connsiteX1" fmla="*/ 666293 w 1332585"/>
              <a:gd name="connsiteY1" fmla="*/ 0 h 1332159"/>
              <a:gd name="connsiteX2" fmla="*/ 1332586 w 1332585"/>
              <a:gd name="connsiteY2" fmla="*/ 666080 h 1332159"/>
              <a:gd name="connsiteX3" fmla="*/ 666293 w 1332585"/>
              <a:gd name="connsiteY3" fmla="*/ 1332160 h 1332159"/>
              <a:gd name="connsiteX4" fmla="*/ 0 w 1332585"/>
              <a:gd name="connsiteY4" fmla="*/ 666080 h 1332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585" h="1332159">
                <a:moveTo>
                  <a:pt x="0" y="666080"/>
                </a:moveTo>
                <a:cubicBezTo>
                  <a:pt x="0" y="298214"/>
                  <a:pt x="298310" y="0"/>
                  <a:pt x="666293" y="0"/>
                </a:cubicBezTo>
                <a:cubicBezTo>
                  <a:pt x="1034276" y="0"/>
                  <a:pt x="1332586" y="298214"/>
                  <a:pt x="1332586" y="666080"/>
                </a:cubicBezTo>
                <a:cubicBezTo>
                  <a:pt x="1332586" y="1033946"/>
                  <a:pt x="1034276" y="1332160"/>
                  <a:pt x="666293" y="1332160"/>
                </a:cubicBezTo>
                <a:cubicBezTo>
                  <a:pt x="298310" y="1332160"/>
                  <a:pt x="0" y="1033946"/>
                  <a:pt x="0" y="666080"/>
                </a:cubicBezTo>
                <a:close/>
              </a:path>
            </a:pathLst>
          </a:custGeom>
          <a:solidFill>
            <a:srgbClr val="00B0F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56113" tIns="256050" rIns="256113" bIns="256050" numCol="1" spcCol="1270" anchor="ctr" anchorCtr="0">
            <a:noAutofit/>
          </a:bodyPr>
          <a:lstStyle/>
          <a:p>
            <a:pPr marL="0" lvl="0" indent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Manage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0AB8649E-51F0-45B1-B63B-AEC362008AFA}"/>
              </a:ext>
            </a:extLst>
          </p:cNvPr>
          <p:cNvSpPr/>
          <p:nvPr/>
        </p:nvSpPr>
        <p:spPr>
          <a:xfrm>
            <a:off x="4241495" y="1997784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23F532C8-1E16-48F4-AD72-85FD480D6E7B}"/>
              </a:ext>
            </a:extLst>
          </p:cNvPr>
          <p:cNvSpPr/>
          <p:nvPr/>
        </p:nvSpPr>
        <p:spPr>
          <a:xfrm>
            <a:off x="1840889" y="3881816"/>
            <a:ext cx="771033" cy="771055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EC350A4E-C816-41D1-A2FC-E421AE72F3D3}"/>
              </a:ext>
            </a:extLst>
          </p:cNvPr>
          <p:cNvSpPr/>
          <p:nvPr/>
        </p:nvSpPr>
        <p:spPr>
          <a:xfrm>
            <a:off x="5859434" y="1417781"/>
            <a:ext cx="1559188" cy="1558690"/>
          </a:xfrm>
          <a:custGeom>
            <a:avLst/>
            <a:gdLst>
              <a:gd name="connsiteX0" fmla="*/ 0 w 1332585"/>
              <a:gd name="connsiteY0" fmla="*/ 666080 h 1332159"/>
              <a:gd name="connsiteX1" fmla="*/ 666293 w 1332585"/>
              <a:gd name="connsiteY1" fmla="*/ 0 h 1332159"/>
              <a:gd name="connsiteX2" fmla="*/ 1332586 w 1332585"/>
              <a:gd name="connsiteY2" fmla="*/ 666080 h 1332159"/>
              <a:gd name="connsiteX3" fmla="*/ 666293 w 1332585"/>
              <a:gd name="connsiteY3" fmla="*/ 1332160 h 1332159"/>
              <a:gd name="connsiteX4" fmla="*/ 0 w 1332585"/>
              <a:gd name="connsiteY4" fmla="*/ 666080 h 1332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585" h="1332159">
                <a:moveTo>
                  <a:pt x="0" y="666080"/>
                </a:moveTo>
                <a:cubicBezTo>
                  <a:pt x="0" y="298214"/>
                  <a:pt x="298310" y="0"/>
                  <a:pt x="666293" y="0"/>
                </a:cubicBezTo>
                <a:cubicBezTo>
                  <a:pt x="1034276" y="0"/>
                  <a:pt x="1332586" y="298214"/>
                  <a:pt x="1332586" y="666080"/>
                </a:cubicBezTo>
                <a:cubicBezTo>
                  <a:pt x="1332586" y="1033946"/>
                  <a:pt x="1034276" y="1332160"/>
                  <a:pt x="666293" y="1332160"/>
                </a:cubicBezTo>
                <a:cubicBezTo>
                  <a:pt x="298310" y="1332160"/>
                  <a:pt x="0" y="1033946"/>
                  <a:pt x="0" y="666080"/>
                </a:cubicBezTo>
                <a:close/>
              </a:path>
            </a:pathLst>
          </a:custGeom>
          <a:solidFill>
            <a:srgbClr val="FD313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56113" tIns="256050" rIns="256113" bIns="256050" numCol="1" spcCol="1270" anchor="ctr" anchorCtr="0">
            <a:noAutofit/>
          </a:bodyPr>
          <a:lstStyle/>
          <a:p>
            <a:pPr marL="0" lvl="0" indent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Decision</a:t>
            </a: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A79E57FB-0512-4CBD-B5AD-69409F861846}"/>
              </a:ext>
            </a:extLst>
          </p:cNvPr>
          <p:cNvSpPr/>
          <p:nvPr/>
        </p:nvSpPr>
        <p:spPr>
          <a:xfrm>
            <a:off x="5759399" y="2502083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E51EDD40-02FC-48C8-BA16-B0557214EDAF}"/>
              </a:ext>
            </a:extLst>
          </p:cNvPr>
          <p:cNvSpPr/>
          <p:nvPr/>
        </p:nvSpPr>
        <p:spPr>
          <a:xfrm>
            <a:off x="1590343" y="4733156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439C49AB-3BBE-41D0-8404-CB2487470928}"/>
              </a:ext>
            </a:extLst>
          </p:cNvPr>
          <p:cNvSpPr/>
          <p:nvPr/>
        </p:nvSpPr>
        <p:spPr>
          <a:xfrm>
            <a:off x="4222595" y="4357134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58334A7E-B436-4701-BD5D-AE55BC8ADEB8}"/>
              </a:ext>
            </a:extLst>
          </p:cNvPr>
          <p:cNvSpPr/>
          <p:nvPr/>
        </p:nvSpPr>
        <p:spPr>
          <a:xfrm>
            <a:off x="5251121" y="4060773"/>
            <a:ext cx="1647880" cy="1546151"/>
          </a:xfrm>
          <a:custGeom>
            <a:avLst/>
            <a:gdLst>
              <a:gd name="connsiteX0" fmla="*/ 0 w 1332585"/>
              <a:gd name="connsiteY0" fmla="*/ 666080 h 1332159"/>
              <a:gd name="connsiteX1" fmla="*/ 666293 w 1332585"/>
              <a:gd name="connsiteY1" fmla="*/ 0 h 1332159"/>
              <a:gd name="connsiteX2" fmla="*/ 1332586 w 1332585"/>
              <a:gd name="connsiteY2" fmla="*/ 666080 h 1332159"/>
              <a:gd name="connsiteX3" fmla="*/ 666293 w 1332585"/>
              <a:gd name="connsiteY3" fmla="*/ 1332160 h 1332159"/>
              <a:gd name="connsiteX4" fmla="*/ 0 w 1332585"/>
              <a:gd name="connsiteY4" fmla="*/ 666080 h 1332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585" h="1332159">
                <a:moveTo>
                  <a:pt x="0" y="666080"/>
                </a:moveTo>
                <a:cubicBezTo>
                  <a:pt x="0" y="298214"/>
                  <a:pt x="298310" y="0"/>
                  <a:pt x="666293" y="0"/>
                </a:cubicBezTo>
                <a:cubicBezTo>
                  <a:pt x="1034276" y="0"/>
                  <a:pt x="1332586" y="298214"/>
                  <a:pt x="1332586" y="666080"/>
                </a:cubicBezTo>
                <a:cubicBezTo>
                  <a:pt x="1332586" y="1033946"/>
                  <a:pt x="1034276" y="1332160"/>
                  <a:pt x="666293" y="1332160"/>
                </a:cubicBezTo>
                <a:cubicBezTo>
                  <a:pt x="298310" y="1332160"/>
                  <a:pt x="0" y="1033946"/>
                  <a:pt x="0" y="666080"/>
                </a:cubicBezTo>
                <a:close/>
              </a:path>
            </a:pathLst>
          </a:custGeom>
          <a:solidFill>
            <a:srgbClr val="00B05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50219" tIns="230099" rIns="250219" bIns="230099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</a:pPr>
            <a:r>
              <a:rPr lang="en-US" sz="240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education</a:t>
            </a:r>
            <a:endParaRPr lang="en-US" sz="24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2" name="Speech Bubble: Rectangle with Corners Rounded 21">
            <a:extLst>
              <a:ext uri="{FF2B5EF4-FFF2-40B4-BE49-F238E27FC236}">
                <a16:creationId xmlns:a16="http://schemas.microsoft.com/office/drawing/2014/main" id="{7D9057A4-23B5-4067-946B-C6D27543FCF4}"/>
              </a:ext>
            </a:extLst>
          </p:cNvPr>
          <p:cNvSpPr/>
          <p:nvPr/>
        </p:nvSpPr>
        <p:spPr bwMode="auto">
          <a:xfrm>
            <a:off x="254721" y="1268786"/>
            <a:ext cx="3093785" cy="644705"/>
          </a:xfrm>
          <a:prstGeom prst="wedgeRoundRectCallout">
            <a:avLst>
              <a:gd name="adj1" fmla="val 21843"/>
              <a:gd name="adj2" fmla="val 68032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จัดการปัญหาด้านข้อมูล โดยนำข้อมูลมา</a:t>
            </a:r>
            <a:b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</a:br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คัดแยกและนำเสนอให้แก่ผู้ใช้งาน</a:t>
            </a:r>
          </a:p>
        </p:txBody>
      </p:sp>
      <p:sp>
        <p:nvSpPr>
          <p:cNvPr id="23" name="Speech Bubble: Rectangle with Corners Rounded 22">
            <a:extLst>
              <a:ext uri="{FF2B5EF4-FFF2-40B4-BE49-F238E27FC236}">
                <a16:creationId xmlns:a16="http://schemas.microsoft.com/office/drawing/2014/main" id="{913A55D3-0C03-40A6-9311-56793FAA523A}"/>
              </a:ext>
            </a:extLst>
          </p:cNvPr>
          <p:cNvSpPr/>
          <p:nvPr/>
        </p:nvSpPr>
        <p:spPr bwMode="auto">
          <a:xfrm>
            <a:off x="5106957" y="5819248"/>
            <a:ext cx="3425483" cy="644705"/>
          </a:xfrm>
          <a:prstGeom prst="wedgeRoundRectCallout">
            <a:avLst>
              <a:gd name="adj1" fmla="val -21483"/>
              <a:gd name="adj2" fmla="val -75412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ศึกษาเก็บความต้องการของผู้ใช้งาน โดยวิเคราะห์จากคะแนนที่ผู้ใช้มีต่อสิ่งนั้น</a:t>
            </a:r>
          </a:p>
        </p:txBody>
      </p:sp>
      <p:sp>
        <p:nvSpPr>
          <p:cNvPr id="24" name="Speech Bubble: Rectangle with Corners Rounded 23">
            <a:extLst>
              <a:ext uri="{FF2B5EF4-FFF2-40B4-BE49-F238E27FC236}">
                <a16:creationId xmlns:a16="http://schemas.microsoft.com/office/drawing/2014/main" id="{BE35A67B-D445-432B-92A3-CD3F00C51F42}"/>
              </a:ext>
            </a:extLst>
          </p:cNvPr>
          <p:cNvSpPr/>
          <p:nvPr/>
        </p:nvSpPr>
        <p:spPr bwMode="auto">
          <a:xfrm>
            <a:off x="5671000" y="300194"/>
            <a:ext cx="3460955" cy="887637"/>
          </a:xfrm>
          <a:prstGeom prst="wedgeRoundRectCallout">
            <a:avLst>
              <a:gd name="adj1" fmla="val -21484"/>
              <a:gd name="adj2" fmla="val 69644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ทำให้ผู้ใช้มีตัวเลือกที่ใกล้เคียงต่อความต้องการและช่วยให้ผู้ใช้ตัดสินใจเลือกได้ง่ายขึ้น</a:t>
            </a:r>
          </a:p>
        </p:txBody>
      </p:sp>
    </p:spTree>
    <p:extLst>
      <p:ext uri="{BB962C8B-B14F-4D97-AF65-F5344CB8AC3E}">
        <p14:creationId xmlns:p14="http://schemas.microsoft.com/office/powerpoint/2010/main" val="382923430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 tmFilter="0, 0; .2, .5; .8, .5; 1, 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250" autoRev="1" fill="hold"/>
                                        <p:tgtEl>
                                          <p:spTgt spid="13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 tmFilter="0, 0; .2, .5; .8, .5; 1, 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6" dur="250" autoRev="1" fill="hold"/>
                                        <p:tgtEl>
                                          <p:spTgt spid="2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 tmFilter="0, 0; .2, .5; .8, .5; 1, 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5" dur="250" autoRev="1" fill="hold"/>
                                        <p:tgtEl>
                                          <p:spTgt spid="16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1" animBg="1"/>
      <p:bldP spid="16" grpId="0" animBg="1"/>
      <p:bldP spid="21" grpId="0" animBg="1"/>
      <p:bldP spid="22" grpId="0" animBg="1"/>
      <p:bldP spid="23" grpId="0" animBg="1"/>
      <p:bldP spid="24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0" name="Group 19">
            <a:extLst>
              <a:ext uri="{FF2B5EF4-FFF2-40B4-BE49-F238E27FC236}">
                <a16:creationId xmlns:a16="http://schemas.microsoft.com/office/drawing/2014/main" id="{FCF2A3FB-BD41-45D9-B90C-4636E9F48008}"/>
              </a:ext>
            </a:extLst>
          </p:cNvPr>
          <p:cNvGrpSpPr/>
          <p:nvPr/>
        </p:nvGrpSpPr>
        <p:grpSpPr>
          <a:xfrm>
            <a:off x="611560" y="1628800"/>
            <a:ext cx="7872949" cy="3456384"/>
            <a:chOff x="611560" y="1628800"/>
            <a:chExt cx="7872949" cy="3456384"/>
          </a:xfrm>
        </p:grpSpPr>
        <p:sp>
          <p:nvSpPr>
            <p:cNvPr id="11" name="Flowchart: Alternate Process 10">
              <a:extLst>
                <a:ext uri="{FF2B5EF4-FFF2-40B4-BE49-F238E27FC236}">
                  <a16:creationId xmlns:a16="http://schemas.microsoft.com/office/drawing/2014/main" id="{ACFBC730-E339-407F-8794-F0581E6F96E6}"/>
                </a:ext>
              </a:extLst>
            </p:cNvPr>
            <p:cNvSpPr/>
            <p:nvPr/>
          </p:nvSpPr>
          <p:spPr bwMode="auto">
            <a:xfrm>
              <a:off x="611560" y="1628800"/>
              <a:ext cx="7872949" cy="3456384"/>
            </a:xfrm>
            <a:prstGeom prst="flowChartAlternateProcess">
              <a:avLst/>
            </a:prstGeom>
            <a:solidFill>
              <a:schemeClr val="bg1">
                <a:alpha val="42000"/>
              </a:schemeClr>
            </a:solidFill>
            <a:ln w="508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0BE2C65D-500E-4DE5-ADC2-DB434D083677}"/>
                </a:ext>
              </a:extLst>
            </p:cNvPr>
            <p:cNvSpPr/>
            <p:nvPr/>
          </p:nvSpPr>
          <p:spPr>
            <a:xfrm>
              <a:off x="879124" y="2467328"/>
              <a:ext cx="3626893" cy="426693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494EDE4E-1C2C-4972-B465-79F7845032A5}"/>
                </a:ext>
              </a:extLst>
            </p:cNvPr>
            <p:cNvSpPr/>
            <p:nvPr/>
          </p:nvSpPr>
          <p:spPr>
            <a:xfrm>
              <a:off x="879124" y="1700808"/>
              <a:ext cx="3626893" cy="766520"/>
            </a:xfrm>
            <a:custGeom>
              <a:avLst/>
              <a:gdLst>
                <a:gd name="connsiteX0" fmla="*/ 0 w 3626893"/>
                <a:gd name="connsiteY0" fmla="*/ 0 h 766520"/>
                <a:gd name="connsiteX1" fmla="*/ 3626893 w 3626893"/>
                <a:gd name="connsiteY1" fmla="*/ 0 h 766520"/>
                <a:gd name="connsiteX2" fmla="*/ 3626893 w 3626893"/>
                <a:gd name="connsiteY2" fmla="*/ 766520 h 766520"/>
                <a:gd name="connsiteX3" fmla="*/ 0 w 3626893"/>
                <a:gd name="connsiteY3" fmla="*/ 766520 h 766520"/>
                <a:gd name="connsiteX4" fmla="*/ 0 w 3626893"/>
                <a:gd name="connsiteY4" fmla="*/ 0 h 7665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26893" h="766520">
                  <a:moveTo>
                    <a:pt x="0" y="0"/>
                  </a:moveTo>
                  <a:lnTo>
                    <a:pt x="3626893" y="0"/>
                  </a:lnTo>
                  <a:lnTo>
                    <a:pt x="3626893" y="766520"/>
                  </a:lnTo>
                  <a:lnTo>
                    <a:pt x="0" y="766520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83820" tIns="55880" rIns="83820" bIns="55880" numCol="1" spcCol="1270" anchor="ctr" anchorCtr="0">
              <a:noAutofit/>
            </a:bodyPr>
            <a:lstStyle/>
            <a:p>
              <a:pPr marL="0" lvl="0" indent="0" algn="l" defTabSz="19558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44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Pros</a:t>
              </a: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55E059A4-D001-493E-95B0-B78656664740}"/>
                </a:ext>
              </a:extLst>
            </p:cNvPr>
            <p:cNvSpPr/>
            <p:nvPr/>
          </p:nvSpPr>
          <p:spPr>
            <a:xfrm>
              <a:off x="4687362" y="2467328"/>
              <a:ext cx="3626893" cy="426693"/>
            </a:xfrm>
            <a:prstGeom prst="rect">
              <a:avLst/>
            </a:prstGeom>
            <a:solidFill>
              <a:srgbClr val="FD313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416F6350-66B2-4950-B194-BA6870EFA79E}"/>
                </a:ext>
              </a:extLst>
            </p:cNvPr>
            <p:cNvSpPr/>
            <p:nvPr/>
          </p:nvSpPr>
          <p:spPr>
            <a:xfrm>
              <a:off x="4687362" y="1700808"/>
              <a:ext cx="3626893" cy="766520"/>
            </a:xfrm>
            <a:custGeom>
              <a:avLst/>
              <a:gdLst>
                <a:gd name="connsiteX0" fmla="*/ 0 w 3626893"/>
                <a:gd name="connsiteY0" fmla="*/ 0 h 766520"/>
                <a:gd name="connsiteX1" fmla="*/ 3626893 w 3626893"/>
                <a:gd name="connsiteY1" fmla="*/ 0 h 766520"/>
                <a:gd name="connsiteX2" fmla="*/ 3626893 w 3626893"/>
                <a:gd name="connsiteY2" fmla="*/ 766520 h 766520"/>
                <a:gd name="connsiteX3" fmla="*/ 0 w 3626893"/>
                <a:gd name="connsiteY3" fmla="*/ 766520 h 766520"/>
                <a:gd name="connsiteX4" fmla="*/ 0 w 3626893"/>
                <a:gd name="connsiteY4" fmla="*/ 0 h 7665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26893" h="766520">
                  <a:moveTo>
                    <a:pt x="0" y="0"/>
                  </a:moveTo>
                  <a:lnTo>
                    <a:pt x="3626893" y="0"/>
                  </a:lnTo>
                  <a:lnTo>
                    <a:pt x="3626893" y="766520"/>
                  </a:lnTo>
                  <a:lnTo>
                    <a:pt x="0" y="766520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83820" tIns="55880" rIns="83820" bIns="55880" numCol="1" spcCol="1270" anchor="ctr" anchorCtr="0">
              <a:noAutofit/>
            </a:bodyPr>
            <a:lstStyle/>
            <a:p>
              <a:pPr marL="0" lvl="0" indent="0" algn="l" defTabSz="19558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44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Cons</a:t>
              </a:r>
            </a:p>
          </p:txBody>
        </p:sp>
      </p:grpSp>
      <p:sp>
        <p:nvSpPr>
          <p:cNvPr id="36" name="Flowchart: Manual Operation 4">
            <a:extLst>
              <a:ext uri="{FF2B5EF4-FFF2-40B4-BE49-F238E27FC236}">
                <a16:creationId xmlns:a16="http://schemas.microsoft.com/office/drawing/2014/main" id="{63921811-11E2-4DED-A615-8C2681BD8050}"/>
              </a:ext>
            </a:extLst>
          </p:cNvPr>
          <p:cNvSpPr txBox="1"/>
          <p:nvPr/>
        </p:nvSpPr>
        <p:spPr>
          <a:xfrm flipH="1">
            <a:off x="1619672" y="1993776"/>
            <a:ext cx="1512168" cy="243840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79400" tIns="0" rIns="278712" bIns="0" numCol="1" spcCol="1270" anchor="t" anchorCtr="0">
            <a:noAutofit/>
          </a:bodyPr>
          <a:lstStyle/>
          <a:p>
            <a:pPr marL="0" lvl="0" indent="0" algn="l" defTabSz="1955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000" kern="1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A1FFD41-8601-488D-89AE-9B1C97EAF913}"/>
              </a:ext>
            </a:extLst>
          </p:cNvPr>
          <p:cNvSpPr/>
          <p:nvPr/>
        </p:nvSpPr>
        <p:spPr>
          <a:xfrm>
            <a:off x="876965" y="1700808"/>
            <a:ext cx="7439451" cy="3379948"/>
          </a:xfrm>
          <a:prstGeom prst="rect">
            <a:avLst/>
          </a:prstGeom>
          <a:noFill/>
          <a:ln>
            <a:noFill/>
          </a:ln>
        </p:spPr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A3B6ADD8-CC3F-4331-93A8-0E242AF8419B}"/>
              </a:ext>
            </a:extLst>
          </p:cNvPr>
          <p:cNvGrpSpPr/>
          <p:nvPr/>
        </p:nvGrpSpPr>
        <p:grpSpPr>
          <a:xfrm>
            <a:off x="879124" y="3071336"/>
            <a:ext cx="3626893" cy="621067"/>
            <a:chOff x="879124" y="3071336"/>
            <a:chExt cx="3626893" cy="621067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437BF93A-9E86-483A-873A-D42EDE552B94}"/>
                </a:ext>
              </a:extLst>
            </p:cNvPr>
            <p:cNvSpPr/>
            <p:nvPr/>
          </p:nvSpPr>
          <p:spPr>
            <a:xfrm>
              <a:off x="879124" y="3248651"/>
              <a:ext cx="266438" cy="26643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B3446A92-AF69-4676-A03C-55E5528576F8}"/>
                </a:ext>
              </a:extLst>
            </p:cNvPr>
            <p:cNvSpPr/>
            <p:nvPr/>
          </p:nvSpPr>
          <p:spPr>
            <a:xfrm>
              <a:off x="1133007" y="3071336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ลดระยะเวลาในการค้นหาข้อมูล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933C6D0F-6288-4948-BCD4-E07B838DDFF8}"/>
              </a:ext>
            </a:extLst>
          </p:cNvPr>
          <p:cNvGrpSpPr/>
          <p:nvPr/>
        </p:nvGrpSpPr>
        <p:grpSpPr>
          <a:xfrm>
            <a:off x="879124" y="3692404"/>
            <a:ext cx="3626893" cy="621067"/>
            <a:chOff x="879124" y="3692404"/>
            <a:chExt cx="3626893" cy="621067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F2A9B455-39F8-4561-8341-E10C99635ED7}"/>
                </a:ext>
              </a:extLst>
            </p:cNvPr>
            <p:cNvSpPr/>
            <p:nvPr/>
          </p:nvSpPr>
          <p:spPr>
            <a:xfrm>
              <a:off x="879124" y="3869719"/>
              <a:ext cx="266438" cy="26643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14A808DB-2574-414C-AE56-5DA4A23DAE74}"/>
                </a:ext>
              </a:extLst>
            </p:cNvPr>
            <p:cNvSpPr/>
            <p:nvPr/>
          </p:nvSpPr>
          <p:spPr>
            <a:xfrm>
              <a:off x="1133007" y="3692404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สามารถนำเสนอสิ่งที่ใกล้เคียงหรือตรงต่อความ</a:t>
              </a:r>
              <a:r>
                <a:rPr lang="th-TH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ต้องการ</a:t>
              </a: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ของผู้ใช้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9F21CED2-615B-46C4-879E-FCA9C70E172F}"/>
              </a:ext>
            </a:extLst>
          </p:cNvPr>
          <p:cNvGrpSpPr/>
          <p:nvPr/>
        </p:nvGrpSpPr>
        <p:grpSpPr>
          <a:xfrm>
            <a:off x="879124" y="4313472"/>
            <a:ext cx="3626893" cy="621067"/>
            <a:chOff x="879124" y="4313472"/>
            <a:chExt cx="3626893" cy="621067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0512F59E-6705-49A1-AD97-02BB2625EB60}"/>
                </a:ext>
              </a:extLst>
            </p:cNvPr>
            <p:cNvSpPr/>
            <p:nvPr/>
          </p:nvSpPr>
          <p:spPr>
            <a:xfrm>
              <a:off x="879124" y="4490787"/>
              <a:ext cx="266438" cy="26643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1C92D6A8-DF49-47F1-A1BB-41CEAAFB1FFB}"/>
                </a:ext>
              </a:extLst>
            </p:cNvPr>
            <p:cNvSpPr/>
            <p:nvPr/>
          </p:nvSpPr>
          <p:spPr>
            <a:xfrm>
              <a:off x="1133007" y="4313472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มีความรวดเร็วในการประมวลผล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019001AF-DF0C-47DF-A787-00A4C27B4C7A}"/>
              </a:ext>
            </a:extLst>
          </p:cNvPr>
          <p:cNvGrpSpPr/>
          <p:nvPr/>
        </p:nvGrpSpPr>
        <p:grpSpPr>
          <a:xfrm>
            <a:off x="4687362" y="3071336"/>
            <a:ext cx="3626893" cy="621067"/>
            <a:chOff x="4687362" y="3071336"/>
            <a:chExt cx="3626893" cy="621067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DFA401EA-755C-41D3-97F9-C131F68C64B6}"/>
                </a:ext>
              </a:extLst>
            </p:cNvPr>
            <p:cNvSpPr/>
            <p:nvPr/>
          </p:nvSpPr>
          <p:spPr>
            <a:xfrm>
              <a:off x="4687362" y="3248651"/>
              <a:ext cx="266438" cy="266438"/>
            </a:xfrm>
            <a:prstGeom prst="rect">
              <a:avLst/>
            </a:prstGeom>
            <a:solidFill>
              <a:srgbClr val="4D4D4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E6A37918-BEC2-4F69-A320-86CA91C290DD}"/>
                </a:ext>
              </a:extLst>
            </p:cNvPr>
            <p:cNvSpPr/>
            <p:nvPr/>
          </p:nvSpPr>
          <p:spPr>
            <a:xfrm>
              <a:off x="4941245" y="3071336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ข้อมูลที่ผู้ใช้ได้รับอาจมีความผิดพลาด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sp>
        <p:nvSpPr>
          <p:cNvPr id="10" name="Rectangle 9">
            <a:extLst>
              <a:ext uri="{FF2B5EF4-FFF2-40B4-BE49-F238E27FC236}">
                <a16:creationId xmlns:a16="http://schemas.microsoft.com/office/drawing/2014/main" id="{7936FA77-3C82-49AC-9996-BEB9632312B4}"/>
              </a:ext>
            </a:extLst>
          </p:cNvPr>
          <p:cNvSpPr/>
          <p:nvPr/>
        </p:nvSpPr>
        <p:spPr>
          <a:xfrm>
            <a:off x="1284381" y="2824527"/>
            <a:ext cx="6071150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b="0" dirty="0">
                <a:ln w="19050">
                  <a:solidFill>
                    <a:schemeClr val="tx1"/>
                  </a:solidFill>
                </a:ln>
                <a:solidFill>
                  <a:schemeClr val="bg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  <a:reflection blurRad="6350" stA="60000" endA="900" endPos="58000" dir="5400000" sy="-100000" algn="bl" rotWithShape="0"/>
                </a:effectLst>
              </a:rPr>
              <a:t>Question &amp; Answer</a:t>
            </a:r>
          </a:p>
        </p:txBody>
      </p:sp>
      <p:pic>
        <p:nvPicPr>
          <p:cNvPr id="5" name="Graphic 4" descr="Magnifying glass">
            <a:extLst>
              <a:ext uri="{FF2B5EF4-FFF2-40B4-BE49-F238E27FC236}">
                <a16:creationId xmlns:a16="http://schemas.microsoft.com/office/drawing/2014/main" id="{080ABFA3-77F2-484C-A96A-8B164568FD2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86408" y="2101482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946244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50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1000"/>
                            </p:stCondLst>
                            <p:childTnLst>
                              <p:par>
                                <p:cTn id="58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1500"/>
                            </p:stCondLst>
                            <p:childTnLst>
                              <p:par>
                                <p:cTn id="62" presetID="1" presetClass="path" presetSubtype="0" repeatCount="indefinite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5E-6 1.85185E-6 C 0.06892 1.85185E-6 0.125 0.05602 0.125 0.125 C 0.125 0.19398 0.06892 0.25 2.5E-6 0.25 C -0.06893 0.25 -0.125 0.19398 -0.125 0.125 C -0.125 0.05602 -0.06893 1.85185E-6 2.5E-6 1.85185E-6 Z " pathEditMode="relative" rAng="0" ptsTypes="AAAAA">
                                      <p:cBhvr>
                                        <p:cTn id="63" dur="2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1250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3C1A295F-A51C-47E2-BC6D-4ECA88DF6A00}"/>
              </a:ext>
            </a:extLst>
          </p:cNvPr>
          <p:cNvSpPr/>
          <p:nvPr/>
        </p:nvSpPr>
        <p:spPr bwMode="auto">
          <a:xfrm>
            <a:off x="1547664" y="3692396"/>
            <a:ext cx="5832648" cy="2592288"/>
          </a:xfrm>
          <a:prstGeom prst="roundRect">
            <a:avLst/>
          </a:prstGeom>
          <a:solidFill>
            <a:schemeClr val="accent1">
              <a:lumMod val="60000"/>
              <a:lumOff val="40000"/>
              <a:alpha val="28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1DC461F-5641-42E2-9F08-814F75DB5D68}"/>
              </a:ext>
            </a:extLst>
          </p:cNvPr>
          <p:cNvSpPr/>
          <p:nvPr/>
        </p:nvSpPr>
        <p:spPr>
          <a:xfrm>
            <a:off x="1888966" y="3908420"/>
            <a:ext cx="1814909" cy="2135187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1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4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57A4614-DEF4-4DE2-BBB4-A538F56FB8C7}"/>
              </a:ext>
            </a:extLst>
          </p:cNvPr>
          <p:cNvSpPr/>
          <p:nvPr/>
        </p:nvSpPr>
        <p:spPr>
          <a:xfrm>
            <a:off x="1979712" y="3993827"/>
            <a:ext cx="1633418" cy="1387871"/>
          </a:xfrm>
          <a:prstGeom prst="rect">
            <a:avLst/>
          </a:prstGeom>
          <a:blipFill dpi="0" rotWithShape="1">
            <a:blip r:embed="rId2"/>
            <a:srcRect/>
            <a:stretch>
              <a:fillRect b="-40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th-TH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7F1E6AA3-DA7F-4CC8-B9BC-07F855515A70}"/>
              </a:ext>
            </a:extLst>
          </p:cNvPr>
          <p:cNvSpPr/>
          <p:nvPr/>
        </p:nvSpPr>
        <p:spPr>
          <a:xfrm>
            <a:off x="1979712" y="5595235"/>
            <a:ext cx="1633418" cy="362964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th-TH" sz="1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นาย ปิยะวัฒน์ เพิ่มวัฒนา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E03E630F-D4D1-4D6F-8E2D-9B0087C70077}"/>
              </a:ext>
            </a:extLst>
          </p:cNvPr>
          <p:cNvGrpSpPr/>
          <p:nvPr/>
        </p:nvGrpSpPr>
        <p:grpSpPr>
          <a:xfrm>
            <a:off x="1979712" y="5420588"/>
            <a:ext cx="1633418" cy="213535"/>
            <a:chOff x="96103" y="2437685"/>
            <a:chExt cx="1633418" cy="213535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D51FF9DA-9C82-4EA4-8D87-DD42A0AB27D9}"/>
                </a:ext>
              </a:extLst>
            </p:cNvPr>
            <p:cNvSpPr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5F1A51C-AE1F-4E2E-A49E-D56EBAFC14E1}"/>
                </a:ext>
              </a:extLst>
            </p:cNvPr>
            <p:cNvSpPr txBox="1"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38100" rIns="38100" bIns="38100" numCol="1" spcCol="1270" anchor="ctr" anchorCtr="0">
              <a:noAutofit/>
            </a:bodyPr>
            <a:lstStyle/>
            <a:p>
              <a:pPr marL="0" lvl="0" indent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Member</a:t>
              </a:r>
            </a:p>
          </p:txBody>
        </p:sp>
      </p:grpSp>
      <p:sp>
        <p:nvSpPr>
          <p:cNvPr id="18" name="Rectangle 17">
            <a:extLst>
              <a:ext uri="{FF2B5EF4-FFF2-40B4-BE49-F238E27FC236}">
                <a16:creationId xmlns:a16="http://schemas.microsoft.com/office/drawing/2014/main" id="{DC4346CC-A7A5-47E0-A23D-F86AA7F5B8A1}"/>
              </a:ext>
            </a:extLst>
          </p:cNvPr>
          <p:cNvSpPr/>
          <p:nvPr/>
        </p:nvSpPr>
        <p:spPr>
          <a:xfrm>
            <a:off x="5220072" y="3908420"/>
            <a:ext cx="1814909" cy="2135187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1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4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A39D9594-C4E1-4C12-A88B-14F3BCA8EB8E}"/>
              </a:ext>
            </a:extLst>
          </p:cNvPr>
          <p:cNvSpPr/>
          <p:nvPr/>
        </p:nvSpPr>
        <p:spPr>
          <a:xfrm>
            <a:off x="5310818" y="3993827"/>
            <a:ext cx="1633418" cy="1387871"/>
          </a:xfrm>
          <a:prstGeom prst="rect">
            <a:avLst/>
          </a:prstGeom>
          <a:blipFill dpi="0" rotWithShape="1">
            <a:blip r:embed="rId3"/>
            <a:srcRect/>
            <a:stretch>
              <a:fillRect l="-80000" t="-55000" r="-115000" b="-75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EC782F2B-FE61-46CB-8D71-8785B161D0AB}"/>
              </a:ext>
            </a:extLst>
          </p:cNvPr>
          <p:cNvSpPr/>
          <p:nvPr/>
        </p:nvSpPr>
        <p:spPr>
          <a:xfrm>
            <a:off x="5310818" y="5595235"/>
            <a:ext cx="1633418" cy="362964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th-TH" sz="1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นาย ศราวุฒิ เอกกากูล</a:t>
            </a:r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287FAD86-B89E-45D2-92FB-501D25B587CE}"/>
              </a:ext>
            </a:extLst>
          </p:cNvPr>
          <p:cNvGrpSpPr/>
          <p:nvPr/>
        </p:nvGrpSpPr>
        <p:grpSpPr>
          <a:xfrm>
            <a:off x="5310818" y="5423077"/>
            <a:ext cx="1633418" cy="213535"/>
            <a:chOff x="96103" y="2437685"/>
            <a:chExt cx="1633418" cy="213535"/>
          </a:xfrm>
        </p:grpSpPr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727E4B7-E82C-4617-8DF3-99AD7DE05DBB}"/>
                </a:ext>
              </a:extLst>
            </p:cNvPr>
            <p:cNvSpPr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0CC5E2F3-BE1B-4B49-A29F-131695842601}"/>
                </a:ext>
              </a:extLst>
            </p:cNvPr>
            <p:cNvSpPr txBox="1"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38100" rIns="38100" bIns="38100" numCol="1" spcCol="1270" anchor="ctr" anchorCtr="0">
              <a:noAutofit/>
            </a:bodyPr>
            <a:lstStyle/>
            <a:p>
              <a:pPr marL="0" lvl="0" indent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Member</a:t>
              </a:r>
            </a:p>
          </p:txBody>
        </p:sp>
      </p:grpSp>
      <p:sp>
        <p:nvSpPr>
          <p:cNvPr id="26" name="Rectangle 25">
            <a:extLst>
              <a:ext uri="{FF2B5EF4-FFF2-40B4-BE49-F238E27FC236}">
                <a16:creationId xmlns:a16="http://schemas.microsoft.com/office/drawing/2014/main" id="{A9C1C460-13B2-4A79-9A1A-68C5A4D77FD8}"/>
              </a:ext>
            </a:extLst>
          </p:cNvPr>
          <p:cNvSpPr/>
          <p:nvPr/>
        </p:nvSpPr>
        <p:spPr>
          <a:xfrm>
            <a:off x="3549179" y="1127838"/>
            <a:ext cx="1814909" cy="2135187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1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4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th-TH" dirty="0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19E4C824-3BF1-4A37-84EF-FCB9F6AF8058}"/>
              </a:ext>
            </a:extLst>
          </p:cNvPr>
          <p:cNvSpPr/>
          <p:nvPr/>
        </p:nvSpPr>
        <p:spPr>
          <a:xfrm>
            <a:off x="3639925" y="1213245"/>
            <a:ext cx="1633418" cy="1387871"/>
          </a:xfrm>
          <a:prstGeom prst="rect">
            <a:avLst/>
          </a:prstGeom>
          <a:blipFill dpi="0" rotWithShape="1">
            <a:blip r:embed="rId4"/>
            <a:srcRect/>
            <a:stretch>
              <a:fillRect l="-30000" t="-30000" r="-30000" b="-80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th-TH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5912C1F1-CE47-458B-9E43-F7AF2E09D6F5}"/>
              </a:ext>
            </a:extLst>
          </p:cNvPr>
          <p:cNvSpPr/>
          <p:nvPr/>
        </p:nvSpPr>
        <p:spPr>
          <a:xfrm>
            <a:off x="3639925" y="2814653"/>
            <a:ext cx="1633418" cy="362964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th-TH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นาย ธนพล พึ่งตัวเอง</a:t>
            </a:r>
          </a:p>
        </p:txBody>
      </p:sp>
      <p:grpSp>
        <p:nvGrpSpPr>
          <p:cNvPr id="31" name="Group 30">
            <a:extLst>
              <a:ext uri="{FF2B5EF4-FFF2-40B4-BE49-F238E27FC236}">
                <a16:creationId xmlns:a16="http://schemas.microsoft.com/office/drawing/2014/main" id="{CD40A890-F36D-4538-9EFA-9FA42780E77C}"/>
              </a:ext>
            </a:extLst>
          </p:cNvPr>
          <p:cNvGrpSpPr/>
          <p:nvPr/>
        </p:nvGrpSpPr>
        <p:grpSpPr>
          <a:xfrm>
            <a:off x="3639925" y="2601117"/>
            <a:ext cx="1633418" cy="263396"/>
            <a:chOff x="96103" y="2437685"/>
            <a:chExt cx="1633418" cy="263396"/>
          </a:xfrm>
        </p:grpSpPr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D0815A58-9B1F-4DDB-9064-001E385885D1}"/>
                </a:ext>
              </a:extLst>
            </p:cNvPr>
            <p:cNvSpPr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2E220350-1985-45BA-B134-37EA85BF35D6}"/>
                </a:ext>
              </a:extLst>
            </p:cNvPr>
            <p:cNvSpPr txBox="1"/>
            <p:nvPr/>
          </p:nvSpPr>
          <p:spPr>
            <a:xfrm>
              <a:off x="96103" y="2487546"/>
              <a:ext cx="1633418" cy="21353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38100" rIns="38100" bIns="38100" numCol="1" spcCol="1270" anchor="ctr" anchorCtr="0">
              <a:noAutofit/>
            </a:bodyPr>
            <a:lstStyle/>
            <a:p>
              <a:pPr marL="0" lvl="0" indent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Advisor</a:t>
              </a:r>
              <a:endParaRPr lang="en-US" sz="1600" kern="1200" dirty="0"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D73561C5-B62A-438F-8315-7EFC5D715B0E}"/>
              </a:ext>
            </a:extLst>
          </p:cNvPr>
          <p:cNvCxnSpPr>
            <a:cxnSpLocks/>
            <a:endCxn id="5" idx="0"/>
          </p:cNvCxnSpPr>
          <p:nvPr/>
        </p:nvCxnSpPr>
        <p:spPr bwMode="auto">
          <a:xfrm>
            <a:off x="4463988" y="3284984"/>
            <a:ext cx="0" cy="407412"/>
          </a:xfrm>
          <a:prstGeom prst="line">
            <a:avLst/>
          </a:prstGeom>
          <a:solidFill>
            <a:schemeClr val="accent1"/>
          </a:solidFill>
          <a:ln w="50800" cap="flat" cmpd="sng" algn="ctr">
            <a:solidFill>
              <a:schemeClr val="accent1">
                <a:lumMod val="60000"/>
                <a:lumOff val="40000"/>
                <a:alpha val="2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pSp>
        <p:nvGrpSpPr>
          <p:cNvPr id="20" name="Group 19">
            <a:extLst>
              <a:ext uri="{FF2B5EF4-FFF2-40B4-BE49-F238E27FC236}">
                <a16:creationId xmlns:a16="http://schemas.microsoft.com/office/drawing/2014/main" id="{4EC53C77-1919-459B-9EA6-3A7BD9121888}"/>
              </a:ext>
            </a:extLst>
          </p:cNvPr>
          <p:cNvGrpSpPr/>
          <p:nvPr/>
        </p:nvGrpSpPr>
        <p:grpSpPr>
          <a:xfrm>
            <a:off x="2697279" y="238944"/>
            <a:ext cx="3098857" cy="720080"/>
            <a:chOff x="2697279" y="238944"/>
            <a:chExt cx="3098857" cy="720080"/>
          </a:xfrm>
        </p:grpSpPr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01D4CFD7-3C62-41B3-B37F-22B629AAF8B2}"/>
                </a:ext>
              </a:extLst>
            </p:cNvPr>
            <p:cNvCxnSpPr/>
            <p:nvPr/>
          </p:nvCxnSpPr>
          <p:spPr bwMode="auto">
            <a:xfrm>
              <a:off x="3201335" y="836712"/>
              <a:ext cx="2594801" cy="0"/>
            </a:xfrm>
            <a:prstGeom prst="line">
              <a:avLst/>
            </a:prstGeom>
            <a:solidFill>
              <a:schemeClr val="accent1"/>
            </a:solidFill>
            <a:ln w="28575" cap="flat" cmpd="sng" algn="ctr">
              <a:solidFill>
                <a:schemeClr val="tx1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pic>
          <p:nvPicPr>
            <p:cNvPr id="7" name="Graphic 6" descr="User">
              <a:extLst>
                <a:ext uri="{FF2B5EF4-FFF2-40B4-BE49-F238E27FC236}">
                  <a16:creationId xmlns:a16="http://schemas.microsoft.com/office/drawing/2014/main" id="{1E76689B-4CD6-44AD-984D-BF07643FF82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7279" y="238944"/>
              <a:ext cx="720080" cy="720080"/>
            </a:xfrm>
            <a:prstGeom prst="rect">
              <a:avLst/>
            </a:prstGeom>
          </p:spPr>
        </p:pic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E217320B-F5BD-450A-9F61-A29318522EEF}"/>
              </a:ext>
            </a:extLst>
          </p:cNvPr>
          <p:cNvSpPr txBox="1"/>
          <p:nvPr/>
        </p:nvSpPr>
        <p:spPr>
          <a:xfrm>
            <a:off x="3376434" y="325837"/>
            <a:ext cx="2347694" cy="64633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3600" dirty="0">
                <a:solidFill>
                  <a:schemeClr val="bg1"/>
                </a:solidFill>
                <a:effectLst>
                  <a:glow rad="1397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Team Member</a:t>
            </a:r>
            <a:endParaRPr lang="th-TH" sz="3600" dirty="0">
              <a:solidFill>
                <a:schemeClr val="bg1"/>
              </a:solidFill>
              <a:effectLst>
                <a:glow rad="139700">
                  <a:schemeClr val="accent4">
                    <a:satMod val="175000"/>
                    <a:alpha val="40000"/>
                  </a:schemeClr>
                </a:glow>
              </a:effectLst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3189016906"/>
      </p:ext>
    </p:extLst>
  </p:cSld>
  <p:clrMapOvr>
    <a:masterClrMapping/>
  </p:clrMapOvr>
  <p:transition spd="slow">
    <p:wip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BFAC815A-8454-4DD8-9446-921EF5F420C9}"/>
              </a:ext>
            </a:extLst>
          </p:cNvPr>
          <p:cNvSpPr/>
          <p:nvPr/>
        </p:nvSpPr>
        <p:spPr>
          <a:xfrm>
            <a:off x="-684584" y="1340768"/>
            <a:ext cx="10081120" cy="4032448"/>
          </a:xfrm>
          <a:prstGeom prst="rect">
            <a:avLst/>
          </a:prstGeom>
          <a:ln>
            <a:noFill/>
          </a:ln>
        </p:spPr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7C526C16-DB90-4FA2-A817-15D8C357E6F6}"/>
              </a:ext>
            </a:extLst>
          </p:cNvPr>
          <p:cNvSpPr/>
          <p:nvPr/>
        </p:nvSpPr>
        <p:spPr>
          <a:xfrm>
            <a:off x="1651650" y="3573727"/>
            <a:ext cx="1644808" cy="1412372"/>
          </a:xfrm>
          <a:custGeom>
            <a:avLst/>
            <a:gdLst>
              <a:gd name="connsiteX0" fmla="*/ 0 w 1458600"/>
              <a:gd name="connsiteY0" fmla="*/ 626239 h 1252478"/>
              <a:gd name="connsiteX1" fmla="*/ 313120 w 1458600"/>
              <a:gd name="connsiteY1" fmla="*/ 0 h 1252478"/>
              <a:gd name="connsiteX2" fmla="*/ 1145481 w 1458600"/>
              <a:gd name="connsiteY2" fmla="*/ 0 h 1252478"/>
              <a:gd name="connsiteX3" fmla="*/ 1458600 w 1458600"/>
              <a:gd name="connsiteY3" fmla="*/ 626239 h 1252478"/>
              <a:gd name="connsiteX4" fmla="*/ 1145481 w 1458600"/>
              <a:gd name="connsiteY4" fmla="*/ 1252478 h 1252478"/>
              <a:gd name="connsiteX5" fmla="*/ 313120 w 1458600"/>
              <a:gd name="connsiteY5" fmla="*/ 1252478 h 1252478"/>
              <a:gd name="connsiteX6" fmla="*/ 0 w 1458600"/>
              <a:gd name="connsiteY6" fmla="*/ 626239 h 1252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58600" h="1252478">
                <a:moveTo>
                  <a:pt x="0" y="626239"/>
                </a:moveTo>
                <a:lnTo>
                  <a:pt x="313120" y="0"/>
                </a:lnTo>
                <a:lnTo>
                  <a:pt x="1145481" y="0"/>
                </a:lnTo>
                <a:lnTo>
                  <a:pt x="1458600" y="626239"/>
                </a:lnTo>
                <a:lnTo>
                  <a:pt x="1145481" y="1252478"/>
                </a:lnTo>
                <a:lnTo>
                  <a:pt x="313120" y="1252478"/>
                </a:lnTo>
                <a:lnTo>
                  <a:pt x="0" y="626239"/>
                </a:lnTo>
                <a:close/>
              </a:path>
            </a:pathLst>
          </a:cu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63847" rIns="225923" bIns="263847" numCol="1" spcCol="1270" anchor="ctr" anchorCtr="0">
            <a:noAutofit/>
          </a:bodyPr>
          <a:lstStyle/>
          <a:p>
            <a:pPr marL="0" lvl="0" indent="0" algn="ctr" defTabSz="24447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400" kern="1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5" name="Hexagon 4">
            <a:extLst>
              <a:ext uri="{FF2B5EF4-FFF2-40B4-BE49-F238E27FC236}">
                <a16:creationId xmlns:a16="http://schemas.microsoft.com/office/drawing/2014/main" id="{3CE44B31-A50D-4201-9C52-D4EEC4343D26}"/>
              </a:ext>
            </a:extLst>
          </p:cNvPr>
          <p:cNvSpPr/>
          <p:nvPr/>
        </p:nvSpPr>
        <p:spPr>
          <a:xfrm>
            <a:off x="1779063" y="3981618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6" name="Hexagon 5">
            <a:extLst>
              <a:ext uri="{FF2B5EF4-FFF2-40B4-BE49-F238E27FC236}">
                <a16:creationId xmlns:a16="http://schemas.microsoft.com/office/drawing/2014/main" id="{5253BAA3-C46C-453F-9453-6BE8D70B3CC3}"/>
              </a:ext>
            </a:extLst>
          </p:cNvPr>
          <p:cNvSpPr/>
          <p:nvPr/>
        </p:nvSpPr>
        <p:spPr>
          <a:xfrm>
            <a:off x="231616" y="2844231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chemeClr val="bg2">
              <a:lumMod val="40000"/>
              <a:lumOff val="60000"/>
            </a:schemeClr>
          </a:solidFill>
          <a:ln>
            <a:solidFill>
              <a:schemeClr val="bg2">
                <a:lumMod val="20000"/>
                <a:lumOff val="80000"/>
              </a:schemeClr>
            </a:solidFill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7" name="Hexagon 6">
            <a:extLst>
              <a:ext uri="{FF2B5EF4-FFF2-40B4-BE49-F238E27FC236}">
                <a16:creationId xmlns:a16="http://schemas.microsoft.com/office/drawing/2014/main" id="{BC2F06F0-9E37-487E-8713-EDA1D5EE333B}"/>
              </a:ext>
            </a:extLst>
          </p:cNvPr>
          <p:cNvSpPr/>
          <p:nvPr/>
        </p:nvSpPr>
        <p:spPr>
          <a:xfrm>
            <a:off x="1488271" y="3815481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EB5C4D0A-778E-4EF6-A8A1-7DF32044084E}"/>
              </a:ext>
            </a:extLst>
          </p:cNvPr>
          <p:cNvSpPr/>
          <p:nvPr/>
        </p:nvSpPr>
        <p:spPr>
          <a:xfrm>
            <a:off x="3053705" y="2873313"/>
            <a:ext cx="1644808" cy="1412372"/>
          </a:xfrm>
          <a:custGeom>
            <a:avLst/>
            <a:gdLst>
              <a:gd name="connsiteX0" fmla="*/ 0 w 1458600"/>
              <a:gd name="connsiteY0" fmla="*/ 626239 h 1252478"/>
              <a:gd name="connsiteX1" fmla="*/ 313120 w 1458600"/>
              <a:gd name="connsiteY1" fmla="*/ 0 h 1252478"/>
              <a:gd name="connsiteX2" fmla="*/ 1145481 w 1458600"/>
              <a:gd name="connsiteY2" fmla="*/ 0 h 1252478"/>
              <a:gd name="connsiteX3" fmla="*/ 1458600 w 1458600"/>
              <a:gd name="connsiteY3" fmla="*/ 626239 h 1252478"/>
              <a:gd name="connsiteX4" fmla="*/ 1145481 w 1458600"/>
              <a:gd name="connsiteY4" fmla="*/ 1252478 h 1252478"/>
              <a:gd name="connsiteX5" fmla="*/ 313120 w 1458600"/>
              <a:gd name="connsiteY5" fmla="*/ 1252478 h 1252478"/>
              <a:gd name="connsiteX6" fmla="*/ 0 w 1458600"/>
              <a:gd name="connsiteY6" fmla="*/ 626239 h 1252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58600" h="1252478">
                <a:moveTo>
                  <a:pt x="0" y="626239"/>
                </a:moveTo>
                <a:lnTo>
                  <a:pt x="313120" y="0"/>
                </a:lnTo>
                <a:lnTo>
                  <a:pt x="1145481" y="0"/>
                </a:lnTo>
                <a:lnTo>
                  <a:pt x="1458600" y="626239"/>
                </a:lnTo>
                <a:lnTo>
                  <a:pt x="1145481" y="1252478"/>
                </a:lnTo>
                <a:lnTo>
                  <a:pt x="313120" y="1252478"/>
                </a:lnTo>
                <a:lnTo>
                  <a:pt x="0" y="626239"/>
                </a:lnTo>
                <a:close/>
              </a:path>
            </a:pathLst>
          </a:custGeom>
          <a:solidFill>
            <a:srgbClr val="FD3131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09237" rIns="225923" bIns="209237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Plan</a:t>
            </a:r>
          </a:p>
        </p:txBody>
      </p:sp>
      <p:sp>
        <p:nvSpPr>
          <p:cNvPr id="9" name="Hexagon 8">
            <a:extLst>
              <a:ext uri="{FF2B5EF4-FFF2-40B4-BE49-F238E27FC236}">
                <a16:creationId xmlns:a16="http://schemas.microsoft.com/office/drawing/2014/main" id="{C27876CF-0AB9-4F9C-867E-30391EF5BF92}"/>
              </a:ext>
            </a:extLst>
          </p:cNvPr>
          <p:cNvSpPr/>
          <p:nvPr/>
        </p:nvSpPr>
        <p:spPr>
          <a:xfrm>
            <a:off x="4003313" y="3808626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0" name="Hexagon 9">
            <a:extLst>
              <a:ext uri="{FF2B5EF4-FFF2-40B4-BE49-F238E27FC236}">
                <a16:creationId xmlns:a16="http://schemas.microsoft.com/office/drawing/2014/main" id="{42251C38-4292-4AE6-9D56-0F52AED3EC36}"/>
              </a:ext>
            </a:extLst>
          </p:cNvPr>
          <p:cNvSpPr/>
          <p:nvPr/>
        </p:nvSpPr>
        <p:spPr>
          <a:xfrm>
            <a:off x="4482954" y="3664834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09237" rIns="225923" bIns="209237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</a:pPr>
            <a:endParaRPr lang="th-TH" sz="24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1" name="Hexagon 10">
            <a:extLst>
              <a:ext uri="{FF2B5EF4-FFF2-40B4-BE49-F238E27FC236}">
                <a16:creationId xmlns:a16="http://schemas.microsoft.com/office/drawing/2014/main" id="{94065B1E-C913-4241-9D4E-84EDD0F988AB}"/>
              </a:ext>
            </a:extLst>
          </p:cNvPr>
          <p:cNvSpPr/>
          <p:nvPr/>
        </p:nvSpPr>
        <p:spPr>
          <a:xfrm>
            <a:off x="4289465" y="3976376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EF7FDC1B-9A40-4D49-9507-C01C0F90FD3B}"/>
              </a:ext>
            </a:extLst>
          </p:cNvPr>
          <p:cNvSpPr/>
          <p:nvPr/>
        </p:nvSpPr>
        <p:spPr>
          <a:xfrm>
            <a:off x="1572746" y="1965138"/>
            <a:ext cx="1749682" cy="1502425"/>
          </a:xfrm>
          <a:custGeom>
            <a:avLst/>
            <a:gdLst>
              <a:gd name="connsiteX0" fmla="*/ 0 w 1615458"/>
              <a:gd name="connsiteY0" fmla="*/ 693585 h 1387169"/>
              <a:gd name="connsiteX1" fmla="*/ 346792 w 1615458"/>
              <a:gd name="connsiteY1" fmla="*/ 0 h 1387169"/>
              <a:gd name="connsiteX2" fmla="*/ 1268666 w 1615458"/>
              <a:gd name="connsiteY2" fmla="*/ 0 h 1387169"/>
              <a:gd name="connsiteX3" fmla="*/ 1615458 w 1615458"/>
              <a:gd name="connsiteY3" fmla="*/ 693585 h 1387169"/>
              <a:gd name="connsiteX4" fmla="*/ 1268666 w 1615458"/>
              <a:gd name="connsiteY4" fmla="*/ 1387169 h 1387169"/>
              <a:gd name="connsiteX5" fmla="*/ 346792 w 1615458"/>
              <a:gd name="connsiteY5" fmla="*/ 1387169 h 1387169"/>
              <a:gd name="connsiteX6" fmla="*/ 0 w 1615458"/>
              <a:gd name="connsiteY6" fmla="*/ 693585 h 13871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15458" h="1387169">
                <a:moveTo>
                  <a:pt x="0" y="693585"/>
                </a:moveTo>
                <a:lnTo>
                  <a:pt x="346792" y="0"/>
                </a:lnTo>
                <a:lnTo>
                  <a:pt x="1268666" y="0"/>
                </a:lnTo>
                <a:lnTo>
                  <a:pt x="1615458" y="693585"/>
                </a:lnTo>
                <a:lnTo>
                  <a:pt x="1268666" y="1387169"/>
                </a:lnTo>
                <a:lnTo>
                  <a:pt x="346792" y="1387169"/>
                </a:lnTo>
                <a:lnTo>
                  <a:pt x="0" y="693585"/>
                </a:lnTo>
                <a:close/>
              </a:path>
            </a:pathLst>
          </a:custGeom>
          <a:solidFill>
            <a:srgbClr val="F4860C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50219" tIns="230099" rIns="250219" bIns="230099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Introduction</a:t>
            </a:r>
          </a:p>
        </p:txBody>
      </p:sp>
      <p:sp>
        <p:nvSpPr>
          <p:cNvPr id="13" name="Hexagon 12">
            <a:extLst>
              <a:ext uri="{FF2B5EF4-FFF2-40B4-BE49-F238E27FC236}">
                <a16:creationId xmlns:a16="http://schemas.microsoft.com/office/drawing/2014/main" id="{5F6F12EF-3890-45F6-A436-90E100181668}"/>
              </a:ext>
            </a:extLst>
          </p:cNvPr>
          <p:cNvSpPr/>
          <p:nvPr/>
        </p:nvSpPr>
        <p:spPr>
          <a:xfrm>
            <a:off x="2743472" y="2060963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5" name="Hexagon 14">
            <a:extLst>
              <a:ext uri="{FF2B5EF4-FFF2-40B4-BE49-F238E27FC236}">
                <a16:creationId xmlns:a16="http://schemas.microsoft.com/office/drawing/2014/main" id="{BD4AFC70-2A7C-47AC-8A8E-1080A8ED2C12}"/>
              </a:ext>
            </a:extLst>
          </p:cNvPr>
          <p:cNvSpPr/>
          <p:nvPr/>
        </p:nvSpPr>
        <p:spPr>
          <a:xfrm>
            <a:off x="3057942" y="1354777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6" name="Hexagon 15">
            <a:extLst>
              <a:ext uri="{FF2B5EF4-FFF2-40B4-BE49-F238E27FC236}">
                <a16:creationId xmlns:a16="http://schemas.microsoft.com/office/drawing/2014/main" id="{2DFBC4B3-94F0-4482-A0B9-D319D0BABF6F}"/>
              </a:ext>
            </a:extLst>
          </p:cNvPr>
          <p:cNvSpPr/>
          <p:nvPr/>
        </p:nvSpPr>
        <p:spPr>
          <a:xfrm>
            <a:off x="3040451" y="1895632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6053217C-57B5-4BE3-BC9C-896AB2019C0F}"/>
              </a:ext>
            </a:extLst>
          </p:cNvPr>
          <p:cNvSpPr/>
          <p:nvPr/>
        </p:nvSpPr>
        <p:spPr>
          <a:xfrm>
            <a:off x="4429790" y="2082884"/>
            <a:ext cx="1726501" cy="1467533"/>
          </a:xfrm>
          <a:custGeom>
            <a:avLst/>
            <a:gdLst>
              <a:gd name="connsiteX0" fmla="*/ 0 w 1494963"/>
              <a:gd name="connsiteY0" fmla="*/ 641851 h 1283702"/>
              <a:gd name="connsiteX1" fmla="*/ 320926 w 1494963"/>
              <a:gd name="connsiteY1" fmla="*/ 0 h 1283702"/>
              <a:gd name="connsiteX2" fmla="*/ 1174038 w 1494963"/>
              <a:gd name="connsiteY2" fmla="*/ 0 h 1283702"/>
              <a:gd name="connsiteX3" fmla="*/ 1494963 w 1494963"/>
              <a:gd name="connsiteY3" fmla="*/ 641851 h 1283702"/>
              <a:gd name="connsiteX4" fmla="*/ 1174038 w 1494963"/>
              <a:gd name="connsiteY4" fmla="*/ 1283702 h 1283702"/>
              <a:gd name="connsiteX5" fmla="*/ 320926 w 1494963"/>
              <a:gd name="connsiteY5" fmla="*/ 1283702 h 1283702"/>
              <a:gd name="connsiteX6" fmla="*/ 0 w 1494963"/>
              <a:gd name="connsiteY6" fmla="*/ 641851 h 12837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94963" h="1283702">
                <a:moveTo>
                  <a:pt x="0" y="641851"/>
                </a:moveTo>
                <a:lnTo>
                  <a:pt x="320926" y="0"/>
                </a:lnTo>
                <a:lnTo>
                  <a:pt x="1174038" y="0"/>
                </a:lnTo>
                <a:lnTo>
                  <a:pt x="1494963" y="641851"/>
                </a:lnTo>
                <a:lnTo>
                  <a:pt x="1174038" y="1283702"/>
                </a:lnTo>
                <a:lnTo>
                  <a:pt x="320926" y="1283702"/>
                </a:lnTo>
                <a:lnTo>
                  <a:pt x="0" y="641851"/>
                </a:lnTo>
                <a:close/>
              </a:path>
            </a:pathLst>
          </a:custGeom>
          <a:solidFill>
            <a:srgbClr val="00B0F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31555" tIns="214073" rIns="231555" bIns="214073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Strategy</a:t>
            </a:r>
          </a:p>
        </p:txBody>
      </p:sp>
      <p:sp>
        <p:nvSpPr>
          <p:cNvPr id="18" name="Hexagon 17">
            <a:extLst>
              <a:ext uri="{FF2B5EF4-FFF2-40B4-BE49-F238E27FC236}">
                <a16:creationId xmlns:a16="http://schemas.microsoft.com/office/drawing/2014/main" id="{E68BB569-9EEA-444A-B398-13C2BBEFFC52}"/>
              </a:ext>
            </a:extLst>
          </p:cNvPr>
          <p:cNvSpPr/>
          <p:nvPr/>
        </p:nvSpPr>
        <p:spPr>
          <a:xfrm>
            <a:off x="5737261" y="2609547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9" name="Hexagon 18">
            <a:extLst>
              <a:ext uri="{FF2B5EF4-FFF2-40B4-BE49-F238E27FC236}">
                <a16:creationId xmlns:a16="http://schemas.microsoft.com/office/drawing/2014/main" id="{A7D88960-18B7-44DA-A699-5287EE9DAE8A}"/>
              </a:ext>
            </a:extLst>
          </p:cNvPr>
          <p:cNvSpPr/>
          <p:nvPr/>
        </p:nvSpPr>
        <p:spPr>
          <a:xfrm>
            <a:off x="5815635" y="2886778"/>
            <a:ext cx="1644808" cy="1393135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0" name="Hexagon 19">
            <a:extLst>
              <a:ext uri="{FF2B5EF4-FFF2-40B4-BE49-F238E27FC236}">
                <a16:creationId xmlns:a16="http://schemas.microsoft.com/office/drawing/2014/main" id="{7B9160B0-92E3-4BDC-867F-0114B71D59D1}"/>
              </a:ext>
            </a:extLst>
          </p:cNvPr>
          <p:cNvSpPr/>
          <p:nvPr/>
        </p:nvSpPr>
        <p:spPr>
          <a:xfrm>
            <a:off x="6014906" y="2781330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8D3F0EE2-DC92-4FB1-B64E-3B6B30AF35F8}"/>
              </a:ext>
            </a:extLst>
          </p:cNvPr>
          <p:cNvSpPr/>
          <p:nvPr/>
        </p:nvSpPr>
        <p:spPr>
          <a:xfrm>
            <a:off x="5820092" y="1326934"/>
            <a:ext cx="1644808" cy="1412372"/>
          </a:xfrm>
          <a:custGeom>
            <a:avLst/>
            <a:gdLst>
              <a:gd name="connsiteX0" fmla="*/ 0 w 1458600"/>
              <a:gd name="connsiteY0" fmla="*/ 626239 h 1252478"/>
              <a:gd name="connsiteX1" fmla="*/ 313120 w 1458600"/>
              <a:gd name="connsiteY1" fmla="*/ 0 h 1252478"/>
              <a:gd name="connsiteX2" fmla="*/ 1145481 w 1458600"/>
              <a:gd name="connsiteY2" fmla="*/ 0 h 1252478"/>
              <a:gd name="connsiteX3" fmla="*/ 1458600 w 1458600"/>
              <a:gd name="connsiteY3" fmla="*/ 626239 h 1252478"/>
              <a:gd name="connsiteX4" fmla="*/ 1145481 w 1458600"/>
              <a:gd name="connsiteY4" fmla="*/ 1252478 h 1252478"/>
              <a:gd name="connsiteX5" fmla="*/ 313120 w 1458600"/>
              <a:gd name="connsiteY5" fmla="*/ 1252478 h 1252478"/>
              <a:gd name="connsiteX6" fmla="*/ 0 w 1458600"/>
              <a:gd name="connsiteY6" fmla="*/ 626239 h 1252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58600" h="1252478">
                <a:moveTo>
                  <a:pt x="0" y="626239"/>
                </a:moveTo>
                <a:lnTo>
                  <a:pt x="313120" y="0"/>
                </a:lnTo>
                <a:lnTo>
                  <a:pt x="1145481" y="0"/>
                </a:lnTo>
                <a:lnTo>
                  <a:pt x="1458600" y="626239"/>
                </a:lnTo>
                <a:lnTo>
                  <a:pt x="1145481" y="1252478"/>
                </a:lnTo>
                <a:lnTo>
                  <a:pt x="313120" y="1252478"/>
                </a:lnTo>
                <a:lnTo>
                  <a:pt x="0" y="626239"/>
                </a:lnTo>
                <a:close/>
              </a:path>
            </a:pathLst>
          </a:cu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09237" rIns="225923" bIns="209237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400" kern="12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2" name="Hexagon 21">
            <a:extLst>
              <a:ext uri="{FF2B5EF4-FFF2-40B4-BE49-F238E27FC236}">
                <a16:creationId xmlns:a16="http://schemas.microsoft.com/office/drawing/2014/main" id="{DBC28959-E3D8-4A34-B622-778699A47994}"/>
              </a:ext>
            </a:extLst>
          </p:cNvPr>
          <p:cNvSpPr/>
          <p:nvPr/>
        </p:nvSpPr>
        <p:spPr>
          <a:xfrm>
            <a:off x="6992462" y="1935725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3" name="Hexagon 22">
            <a:extLst>
              <a:ext uri="{FF2B5EF4-FFF2-40B4-BE49-F238E27FC236}">
                <a16:creationId xmlns:a16="http://schemas.microsoft.com/office/drawing/2014/main" id="{35C15C22-A85D-4419-8C8C-542C37D1F63A}"/>
              </a:ext>
            </a:extLst>
          </p:cNvPr>
          <p:cNvSpPr/>
          <p:nvPr/>
        </p:nvSpPr>
        <p:spPr>
          <a:xfrm>
            <a:off x="7155728" y="2091096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2D05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anchor="ctr"/>
          <a:lstStyle/>
          <a:p>
            <a:pPr algn="ctr"/>
            <a:r>
              <a:rPr lang="en-US" sz="24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Scope</a:t>
            </a:r>
            <a:endParaRPr lang="th-TH" sz="24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4" name="Hexagon 23">
            <a:extLst>
              <a:ext uri="{FF2B5EF4-FFF2-40B4-BE49-F238E27FC236}">
                <a16:creationId xmlns:a16="http://schemas.microsoft.com/office/drawing/2014/main" id="{75AFAF1E-6149-479B-AD94-E04CC88BEC75}"/>
              </a:ext>
            </a:extLst>
          </p:cNvPr>
          <p:cNvSpPr/>
          <p:nvPr/>
        </p:nvSpPr>
        <p:spPr>
          <a:xfrm>
            <a:off x="7276294" y="2101056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458D5BE4-71A1-4E1B-A555-5EE0EF51D1E7}"/>
              </a:ext>
            </a:extLst>
          </p:cNvPr>
          <p:cNvSpPr/>
          <p:nvPr/>
        </p:nvSpPr>
        <p:spPr>
          <a:xfrm>
            <a:off x="7155728" y="3630027"/>
            <a:ext cx="1610776" cy="1383149"/>
          </a:xfrm>
          <a:custGeom>
            <a:avLst/>
            <a:gdLst>
              <a:gd name="connsiteX0" fmla="*/ 0 w 1428422"/>
              <a:gd name="connsiteY0" fmla="*/ 613282 h 1226564"/>
              <a:gd name="connsiteX1" fmla="*/ 306641 w 1428422"/>
              <a:gd name="connsiteY1" fmla="*/ 0 h 1226564"/>
              <a:gd name="connsiteX2" fmla="*/ 1121781 w 1428422"/>
              <a:gd name="connsiteY2" fmla="*/ 0 h 1226564"/>
              <a:gd name="connsiteX3" fmla="*/ 1428422 w 1428422"/>
              <a:gd name="connsiteY3" fmla="*/ 613282 h 1226564"/>
              <a:gd name="connsiteX4" fmla="*/ 1121781 w 1428422"/>
              <a:gd name="connsiteY4" fmla="*/ 1226564 h 1226564"/>
              <a:gd name="connsiteX5" fmla="*/ 306641 w 1428422"/>
              <a:gd name="connsiteY5" fmla="*/ 1226564 h 1226564"/>
              <a:gd name="connsiteX6" fmla="*/ 0 w 1428422"/>
              <a:gd name="connsiteY6" fmla="*/ 613282 h 12265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28422" h="1226564">
                <a:moveTo>
                  <a:pt x="0" y="613282"/>
                </a:moveTo>
                <a:lnTo>
                  <a:pt x="306641" y="0"/>
                </a:lnTo>
                <a:lnTo>
                  <a:pt x="1121781" y="0"/>
                </a:lnTo>
                <a:lnTo>
                  <a:pt x="1428422" y="613282"/>
                </a:lnTo>
                <a:lnTo>
                  <a:pt x="1121781" y="1226564"/>
                </a:lnTo>
                <a:lnTo>
                  <a:pt x="306641" y="1226564"/>
                </a:lnTo>
                <a:lnTo>
                  <a:pt x="0" y="613282"/>
                </a:lnTo>
                <a:close/>
              </a:path>
            </a:pathLst>
          </a:custGeom>
          <a:solidFill>
            <a:srgbClr val="000000">
              <a:lumMod val="75000"/>
              <a:lumOff val="25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1249" tIns="205223" rIns="221249" bIns="205223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Objective</a:t>
            </a:r>
          </a:p>
        </p:txBody>
      </p:sp>
      <p:sp>
        <p:nvSpPr>
          <p:cNvPr id="27" name="Hexagon 26">
            <a:extLst>
              <a:ext uri="{FF2B5EF4-FFF2-40B4-BE49-F238E27FC236}">
                <a16:creationId xmlns:a16="http://schemas.microsoft.com/office/drawing/2014/main" id="{9C91D7EE-147B-4B4B-AE3E-4A228D4A6C2D}"/>
              </a:ext>
            </a:extLst>
          </p:cNvPr>
          <p:cNvSpPr/>
          <p:nvPr/>
        </p:nvSpPr>
        <p:spPr>
          <a:xfrm>
            <a:off x="7053536" y="4532047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9" name="Hexagon 28">
            <a:extLst>
              <a:ext uri="{FF2B5EF4-FFF2-40B4-BE49-F238E27FC236}">
                <a16:creationId xmlns:a16="http://schemas.microsoft.com/office/drawing/2014/main" id="{81A4DFBD-53C8-4FD6-B12E-C1F9D436410E}"/>
              </a:ext>
            </a:extLst>
          </p:cNvPr>
          <p:cNvSpPr/>
          <p:nvPr/>
        </p:nvSpPr>
        <p:spPr>
          <a:xfrm>
            <a:off x="6782852" y="4670360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6" name="Hexagon 25">
            <a:extLst>
              <a:ext uri="{FF2B5EF4-FFF2-40B4-BE49-F238E27FC236}">
                <a16:creationId xmlns:a16="http://schemas.microsoft.com/office/drawing/2014/main" id="{EC93C414-DD40-41C2-8AC1-39FE53D30460}"/>
              </a:ext>
            </a:extLst>
          </p:cNvPr>
          <p:cNvSpPr/>
          <p:nvPr/>
        </p:nvSpPr>
        <p:spPr>
          <a:xfrm>
            <a:off x="5943540" y="4341803"/>
            <a:ext cx="1481476" cy="127212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31" name="Freeform: Shape 30">
            <a:extLst>
              <a:ext uri="{FF2B5EF4-FFF2-40B4-BE49-F238E27FC236}">
                <a16:creationId xmlns:a16="http://schemas.microsoft.com/office/drawing/2014/main" id="{6EA1A487-33D3-4154-B50D-A59347ACF154}"/>
              </a:ext>
            </a:extLst>
          </p:cNvPr>
          <p:cNvSpPr/>
          <p:nvPr/>
        </p:nvSpPr>
        <p:spPr>
          <a:xfrm>
            <a:off x="3032868" y="4371020"/>
            <a:ext cx="1723088" cy="1550161"/>
          </a:xfrm>
          <a:custGeom>
            <a:avLst/>
            <a:gdLst>
              <a:gd name="connsiteX0" fmla="*/ 0 w 1615458"/>
              <a:gd name="connsiteY0" fmla="*/ 693585 h 1387169"/>
              <a:gd name="connsiteX1" fmla="*/ 346792 w 1615458"/>
              <a:gd name="connsiteY1" fmla="*/ 0 h 1387169"/>
              <a:gd name="connsiteX2" fmla="*/ 1268666 w 1615458"/>
              <a:gd name="connsiteY2" fmla="*/ 0 h 1387169"/>
              <a:gd name="connsiteX3" fmla="*/ 1615458 w 1615458"/>
              <a:gd name="connsiteY3" fmla="*/ 693585 h 1387169"/>
              <a:gd name="connsiteX4" fmla="*/ 1268666 w 1615458"/>
              <a:gd name="connsiteY4" fmla="*/ 1387169 h 1387169"/>
              <a:gd name="connsiteX5" fmla="*/ 346792 w 1615458"/>
              <a:gd name="connsiteY5" fmla="*/ 1387169 h 1387169"/>
              <a:gd name="connsiteX6" fmla="*/ 0 w 1615458"/>
              <a:gd name="connsiteY6" fmla="*/ 693585 h 13871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15458" h="1387169">
                <a:moveTo>
                  <a:pt x="0" y="693585"/>
                </a:moveTo>
                <a:lnTo>
                  <a:pt x="346792" y="0"/>
                </a:lnTo>
                <a:lnTo>
                  <a:pt x="1268666" y="0"/>
                </a:lnTo>
                <a:lnTo>
                  <a:pt x="1615458" y="693585"/>
                </a:lnTo>
                <a:lnTo>
                  <a:pt x="1268666" y="1387169"/>
                </a:lnTo>
                <a:lnTo>
                  <a:pt x="346792" y="1387169"/>
                </a:lnTo>
                <a:lnTo>
                  <a:pt x="0" y="693585"/>
                </a:lnTo>
                <a:close/>
              </a:path>
            </a:pathLst>
          </a:custGeom>
          <a:solidFill>
            <a:srgbClr val="00B05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50219" tIns="230099" rIns="250219" bIns="230099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Pros &amp; Cons</a:t>
            </a:r>
          </a:p>
        </p:txBody>
      </p:sp>
    </p:spTree>
    <p:extLst>
      <p:ext uri="{BB962C8B-B14F-4D97-AF65-F5344CB8AC3E}">
        <p14:creationId xmlns:p14="http://schemas.microsoft.com/office/powerpoint/2010/main" val="36506699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400">
        <p14:doors dir="ver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 tmFilter="0, 0; .2, .5; .8, .5; 1, 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250" autoRev="1" fill="hold"/>
                                        <p:tgtEl>
                                          <p:spTgt spid="12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500" tmFilter="0, 0; .2, .5; .8, .5; 1, 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2" dur="250" autoRev="1" fill="hold"/>
                                        <p:tgtEl>
                                          <p:spTgt spid="17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 tmFilter="0, 0; .2, .5; .8, .5; 1, 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7" dur="250" autoRev="1" fill="hold"/>
                                        <p:tgtEl>
                                          <p:spTgt spid="8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 tmFilter="0, 0; .2, .5; .8, .5; 1, 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2" dur="250" autoRev="1" fill="hold"/>
                                        <p:tgtEl>
                                          <p:spTgt spid="23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 tmFilter="0, 0; .2, .5; .8, .5; 1, 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7" dur="250" autoRev="1" fill="hold"/>
                                        <p:tgtEl>
                                          <p:spTgt spid="2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" dur="500" tmFilter="0, 0; .2, .5; .8, .5; 1, 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32" dur="250" autoRev="1" fill="hold"/>
                                        <p:tgtEl>
                                          <p:spTgt spid="3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2" grpId="0" animBg="1"/>
      <p:bldP spid="17" grpId="0" animBg="1"/>
      <p:bldP spid="23" grpId="0" animBg="1"/>
      <p:bldP spid="25" grpId="0" animBg="1"/>
      <p:bldP spid="31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Box 16">
            <a:extLst>
              <a:ext uri="{FF2B5EF4-FFF2-40B4-BE49-F238E27FC236}">
                <a16:creationId xmlns:a16="http://schemas.microsoft.com/office/drawing/2014/main" id="{61E97FBE-7171-432F-A852-0A455BD7CC60}"/>
              </a:ext>
            </a:extLst>
          </p:cNvPr>
          <p:cNvSpPr txBox="1"/>
          <p:nvPr/>
        </p:nvSpPr>
        <p:spPr>
          <a:xfrm>
            <a:off x="4514230" y="260648"/>
            <a:ext cx="374441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troduction</a:t>
            </a:r>
            <a:endParaRPr lang="th-TH" sz="36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5" name="Graphic 14" descr="Pencil">
            <a:extLst>
              <a:ext uri="{FF2B5EF4-FFF2-40B4-BE49-F238E27FC236}">
                <a16:creationId xmlns:a16="http://schemas.microsoft.com/office/drawing/2014/main" id="{1682B19D-471D-430F-ACB7-F5AC1EEBA49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30654" y="-18092"/>
            <a:ext cx="864096" cy="864096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B7025EDA-AF24-4907-A52B-C32AE8B3D367}"/>
              </a:ext>
            </a:extLst>
          </p:cNvPr>
          <p:cNvSpPr txBox="1"/>
          <p:nvPr/>
        </p:nvSpPr>
        <p:spPr>
          <a:xfrm>
            <a:off x="755576" y="2276872"/>
            <a:ext cx="223224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 The Past . . .</a:t>
            </a:r>
            <a:endParaRPr lang="th-TH" sz="3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graphicFrame>
        <p:nvGraphicFramePr>
          <p:cNvPr id="25" name="Diagram 24">
            <a:extLst>
              <a:ext uri="{FF2B5EF4-FFF2-40B4-BE49-F238E27FC236}">
                <a16:creationId xmlns:a16="http://schemas.microsoft.com/office/drawing/2014/main" id="{874C9990-510D-4DE5-AF43-19071C38A1E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749455323"/>
              </p:ext>
            </p:extLst>
          </p:nvPr>
        </p:nvGraphicFramePr>
        <p:xfrm>
          <a:off x="1763688" y="1916832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pic>
        <p:nvPicPr>
          <p:cNvPr id="31" name="Picture 30">
            <a:extLst>
              <a:ext uri="{FF2B5EF4-FFF2-40B4-BE49-F238E27FC236}">
                <a16:creationId xmlns:a16="http://schemas.microsoft.com/office/drawing/2014/main" id="{6A22013E-45EB-4BAF-B855-FFA42A2D559F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1688" y="2145288"/>
            <a:ext cx="2313432" cy="1286256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grpSp>
        <p:nvGrpSpPr>
          <p:cNvPr id="38" name="Group 37">
            <a:extLst>
              <a:ext uri="{FF2B5EF4-FFF2-40B4-BE49-F238E27FC236}">
                <a16:creationId xmlns:a16="http://schemas.microsoft.com/office/drawing/2014/main" id="{AC19FF5F-5B25-44CA-ADA9-6DDF22608EC3}"/>
              </a:ext>
            </a:extLst>
          </p:cNvPr>
          <p:cNvGrpSpPr/>
          <p:nvPr/>
        </p:nvGrpSpPr>
        <p:grpSpPr>
          <a:xfrm>
            <a:off x="6732240" y="1165684"/>
            <a:ext cx="1660644" cy="1214264"/>
            <a:chOff x="6732240" y="1165684"/>
            <a:chExt cx="1660644" cy="1214264"/>
          </a:xfrm>
        </p:grpSpPr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B8F1EDF3-93F3-43AE-976D-DB33C7DEAC84}"/>
                </a:ext>
              </a:extLst>
            </p:cNvPr>
            <p:cNvSpPr/>
            <p:nvPr/>
          </p:nvSpPr>
          <p:spPr bwMode="auto">
            <a:xfrm>
              <a:off x="6732240" y="2123564"/>
              <a:ext cx="81300" cy="81300"/>
            </a:xfrm>
            <a:prstGeom prst="ellipse">
              <a:avLst/>
            </a:prstGeom>
            <a:solidFill>
              <a:schemeClr val="bg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34" name="Oval 33">
              <a:extLst>
                <a:ext uri="{FF2B5EF4-FFF2-40B4-BE49-F238E27FC236}">
                  <a16:creationId xmlns:a16="http://schemas.microsoft.com/office/drawing/2014/main" id="{240CF15C-A657-4C2E-884E-AFE81025B385}"/>
                </a:ext>
              </a:extLst>
            </p:cNvPr>
            <p:cNvSpPr/>
            <p:nvPr/>
          </p:nvSpPr>
          <p:spPr bwMode="auto">
            <a:xfrm>
              <a:off x="6836820" y="1949776"/>
              <a:ext cx="129952" cy="129952"/>
            </a:xfrm>
            <a:prstGeom prst="ellipse">
              <a:avLst/>
            </a:prstGeom>
            <a:solidFill>
              <a:schemeClr val="bg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F63CE2B0-EC55-4E56-B00B-EB21C382AEA0}"/>
                </a:ext>
              </a:extLst>
            </p:cNvPr>
            <p:cNvSpPr/>
            <p:nvPr/>
          </p:nvSpPr>
          <p:spPr bwMode="auto">
            <a:xfrm>
              <a:off x="7020272" y="1772816"/>
              <a:ext cx="158348" cy="158348"/>
            </a:xfrm>
            <a:prstGeom prst="ellipse">
              <a:avLst/>
            </a:prstGeom>
            <a:solidFill>
              <a:schemeClr val="bg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B6E6FEC5-97FA-401A-910E-F264EDEF5895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178620" y="1165684"/>
              <a:ext cx="1214264" cy="1214264"/>
            </a:xfrm>
            <a:prstGeom prst="rect">
              <a:avLst/>
            </a:prstGeom>
          </p:spPr>
        </p:pic>
      </p:grp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EA74A633-B3B7-4EA4-A383-D446E331757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355976" y="764704"/>
            <a:ext cx="4046686" cy="9292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chemeClr val="tx1">
                <a:lumMod val="50000"/>
              </a:schemeClr>
            </a:solidFill>
            <a:prstDash val="solid"/>
            <a:round/>
            <a:headEnd type="none" w="med" len="med"/>
            <a:tailEnd type="oval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40" name="Picture 39">
            <a:extLst>
              <a:ext uri="{FF2B5EF4-FFF2-40B4-BE49-F238E27FC236}">
                <a16:creationId xmlns:a16="http://schemas.microsoft.com/office/drawing/2014/main" id="{C3C8D6D2-1277-42DE-B258-290F420B53D9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7744" y="3284984"/>
            <a:ext cx="1677062" cy="1257797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D65E1B6A-2113-49DE-84AB-BC8E8752E31E}"/>
              </a:ext>
            </a:extLst>
          </p:cNvPr>
          <p:cNvSpPr txBox="1"/>
          <p:nvPr/>
        </p:nvSpPr>
        <p:spPr>
          <a:xfrm>
            <a:off x="6189010" y="3338118"/>
            <a:ext cx="1257075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Shopping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8CA9D9D-84A4-4CEF-AA5D-6EC8EF49B60B}"/>
              </a:ext>
            </a:extLst>
          </p:cNvPr>
          <p:cNvSpPr txBox="1"/>
          <p:nvPr/>
        </p:nvSpPr>
        <p:spPr>
          <a:xfrm>
            <a:off x="1728868" y="4307996"/>
            <a:ext cx="95571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Driving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29523AF-1B9C-4F75-B6B4-121895B63A3B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5" y="4368685"/>
            <a:ext cx="2002087" cy="1317022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35DD07FD-FEC7-4E14-B719-4E1B6847EFE0}"/>
              </a:ext>
            </a:extLst>
          </p:cNvPr>
          <p:cNvSpPr txBox="1"/>
          <p:nvPr/>
        </p:nvSpPr>
        <p:spPr>
          <a:xfrm>
            <a:off x="6516215" y="5606235"/>
            <a:ext cx="2254592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Take a lot of time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2683336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6" dur="1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10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500"/>
                            </p:stCondLst>
                            <p:childTnLst>
                              <p:par>
                                <p:cTn id="4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/>
      <p:bldGraphic spid="25" grpId="0">
        <p:bldAsOne/>
      </p:bldGraphic>
      <p:bldP spid="3" grpId="0"/>
      <p:bldP spid="16" grpId="0"/>
      <p:bldP spid="1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62CDBACA-BD4A-49D5-A523-CCE16630389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83999820"/>
              </p:ext>
            </p:extLst>
          </p:nvPr>
        </p:nvGraphicFramePr>
        <p:xfrm>
          <a:off x="539552" y="1752939"/>
          <a:ext cx="8208912" cy="311622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7" name="TextBox 16">
            <a:extLst>
              <a:ext uri="{FF2B5EF4-FFF2-40B4-BE49-F238E27FC236}">
                <a16:creationId xmlns:a16="http://schemas.microsoft.com/office/drawing/2014/main" id="{61E97FBE-7171-432F-A852-0A455BD7CC60}"/>
              </a:ext>
            </a:extLst>
          </p:cNvPr>
          <p:cNvSpPr txBox="1"/>
          <p:nvPr/>
        </p:nvSpPr>
        <p:spPr>
          <a:xfrm>
            <a:off x="4514230" y="260648"/>
            <a:ext cx="374441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troduction &amp; Strategy</a:t>
            </a:r>
            <a:endParaRPr lang="th-TH" sz="36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5" name="Graphic 14" descr="Pencil">
            <a:extLst>
              <a:ext uri="{FF2B5EF4-FFF2-40B4-BE49-F238E27FC236}">
                <a16:creationId xmlns:a16="http://schemas.microsoft.com/office/drawing/2014/main" id="{1682B19D-471D-430F-ACB7-F5AC1EEBA49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8330654" y="-18092"/>
            <a:ext cx="864096" cy="864096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B7025EDA-AF24-4907-A52B-C32AE8B3D367}"/>
              </a:ext>
            </a:extLst>
          </p:cNvPr>
          <p:cNvSpPr txBox="1"/>
          <p:nvPr/>
        </p:nvSpPr>
        <p:spPr>
          <a:xfrm>
            <a:off x="4825417" y="834971"/>
            <a:ext cx="312204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Present . . .</a:t>
            </a:r>
            <a:endParaRPr lang="th-TH" sz="28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EA74A633-B3B7-4EA4-A383-D446E331757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355976" y="764704"/>
            <a:ext cx="4046686" cy="9292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chemeClr val="tx1">
                <a:lumMod val="50000"/>
              </a:schemeClr>
            </a:solidFill>
            <a:prstDash val="solid"/>
            <a:round/>
            <a:headEnd type="none" w="med" len="med"/>
            <a:tailEnd type="oval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44661BAA-8DDB-4CF9-8846-1D12CFF41C53}"/>
              </a:ext>
            </a:extLst>
          </p:cNvPr>
          <p:cNvSpPr txBox="1"/>
          <p:nvPr/>
        </p:nvSpPr>
        <p:spPr>
          <a:xfrm>
            <a:off x="497701" y="3501008"/>
            <a:ext cx="1540806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Shopping</a:t>
            </a:r>
            <a:b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</a:br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Your new choice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642AAE1-5ADC-4A9F-8E0D-38A623B86AF9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375" y="3705779"/>
            <a:ext cx="1423988" cy="2531533"/>
          </a:xfrm>
          <a:prstGeom prst="rect">
            <a:avLst/>
          </a:prstGeom>
          <a:solidFill>
            <a:srgbClr val="FFFFFF">
              <a:shade val="85000"/>
            </a:srgbClr>
          </a:solidFill>
          <a:ln w="101600" cap="sq">
            <a:solidFill>
              <a:srgbClr val="FDFDFD"/>
            </a:solidFill>
            <a:miter lim="800000"/>
          </a:ln>
          <a:effectLst>
            <a:outerShdw blurRad="57150" dist="37500" dir="7560000" sy="98000" kx="110000" ky="200000" algn="tl" rotWithShape="0">
              <a:srgbClr val="000000">
                <a:alpha val="20000"/>
              </a:srgbClr>
            </a:outerShdw>
          </a:effectLst>
          <a:scene3d>
            <a:camera prst="perspectiveRelaxed">
              <a:rot lat="18960000" lon="0" rev="0"/>
            </a:camera>
            <a:lightRig rig="twoPt" dir="t">
              <a:rot lat="0" lon="0" rev="7200000"/>
            </a:lightRig>
          </a:scene3d>
          <a:sp3d prstMaterial="matte">
            <a:bevelT w="22860" h="12700"/>
            <a:contourClr>
              <a:srgbClr val="FFFFFF"/>
            </a:contourClr>
          </a:sp3d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AFC5FD5-9A2B-4802-B5DD-BFFA073A97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19759" y="1543716"/>
            <a:ext cx="1968523" cy="1023632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152400" dist="12000" dir="900000" sy="98000" kx="110000" ky="200000" algn="tl" rotWithShape="0">
              <a:srgbClr val="000000">
                <a:alpha val="30000"/>
              </a:srgbClr>
            </a:outerShdw>
          </a:effectLst>
          <a:scene3d>
            <a:camera prst="perspectiveRelaxed">
              <a:rot lat="19800000" lon="1200000" rev="20820000"/>
            </a:camera>
            <a:lightRig rig="threePt" dir="t"/>
          </a:scene3d>
          <a:sp3d contourW="6350" prstMaterial="matte">
            <a:bevelT w="101600" h="101600"/>
            <a:contourClr>
              <a:srgbClr val="969696"/>
            </a:contourClr>
          </a:sp3d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AF19E22F-EAAF-47DF-8500-0AA921A5B510}"/>
              </a:ext>
            </a:extLst>
          </p:cNvPr>
          <p:cNvSpPr txBox="1"/>
          <p:nvPr/>
        </p:nvSpPr>
        <p:spPr>
          <a:xfrm>
            <a:off x="1719760" y="2681316"/>
            <a:ext cx="196852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Any where Any time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7A396AED-68C0-4DCD-AAD1-FD75181F6388}"/>
              </a:ext>
            </a:extLst>
          </p:cNvPr>
          <p:cNvPicPr>
            <a:picLocks noChangeAspect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587" t="-3212" r="-3587" b="-3212"/>
          <a:stretch/>
        </p:blipFill>
        <p:spPr>
          <a:xfrm>
            <a:off x="6012160" y="3892742"/>
            <a:ext cx="2454019" cy="1840514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5AFC825B-019E-412E-8F7C-0A9167381C80}"/>
              </a:ext>
            </a:extLst>
          </p:cNvPr>
          <p:cNvSpPr txBox="1"/>
          <p:nvPr/>
        </p:nvSpPr>
        <p:spPr>
          <a:xfrm>
            <a:off x="6487244" y="3548593"/>
            <a:ext cx="160813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Behavior Analysis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87C09A54-BF1A-4500-A326-ADFA49BC83FE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3808" y="4128926"/>
            <a:ext cx="2742048" cy="1532322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4C87F84E-678A-4823-92BF-116A87A80034}"/>
              </a:ext>
            </a:extLst>
          </p:cNvPr>
          <p:cNvSpPr txBox="1"/>
          <p:nvPr/>
        </p:nvSpPr>
        <p:spPr>
          <a:xfrm>
            <a:off x="3103103" y="3651091"/>
            <a:ext cx="231986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Shelf Show ?</a:t>
            </a:r>
            <a:r>
              <a:rPr lang="th-TH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 </a:t>
            </a:r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Unnecessary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BECC6179-3CFF-48EF-B297-BF5AB113772F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814" y="1313884"/>
            <a:ext cx="2117349" cy="1774338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A599E35B-22CF-4CE3-B6CF-0522231B27CF}"/>
              </a:ext>
            </a:extLst>
          </p:cNvPr>
          <p:cNvSpPr txBox="1"/>
          <p:nvPr/>
        </p:nvSpPr>
        <p:spPr>
          <a:xfrm>
            <a:off x="5344863" y="2699628"/>
            <a:ext cx="76976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Benefit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C7658734-53C8-4DB7-9C03-03B487DD4A5E}"/>
              </a:ext>
            </a:extLst>
          </p:cNvPr>
          <p:cNvSpPr txBox="1"/>
          <p:nvPr/>
        </p:nvSpPr>
        <p:spPr>
          <a:xfrm>
            <a:off x="3456153" y="2715798"/>
            <a:ext cx="210506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4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Make it Happen . . .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101913848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2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000"/>
                            </p:stCondLst>
                            <p:childTnLst>
                              <p:par>
                                <p:cTn id="21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00"/>
                            </p:stCondLst>
                            <p:childTnLst>
                              <p:par>
                                <p:cTn id="32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500"/>
                            </p:stCondLst>
                            <p:childTnLst>
                              <p:par>
                                <p:cTn id="43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6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500"/>
                            </p:stCondLst>
                            <p:childTnLst>
                              <p:par>
                                <p:cTn id="54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7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500"/>
                            </p:stCondLst>
                            <p:childTnLst>
                              <p:par>
                                <p:cTn id="65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8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2" grpId="0">
        <p:bldAsOne/>
      </p:bldGraphic>
      <p:bldP spid="3" grpId="0"/>
      <p:bldP spid="16" grpId="0"/>
      <p:bldP spid="20" grpId="0"/>
      <p:bldP spid="23" grpId="0"/>
      <p:bldP spid="26" grpId="0"/>
      <p:bldP spid="27" grpId="0"/>
      <p:bldP spid="27" grpId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T_49118ee4ec454f81a4f046fe0f354822_HorizontalConnector1">
            <a:extLst>
              <a:ext uri="{FF2B5EF4-FFF2-40B4-BE49-F238E27FC236}">
                <a16:creationId xmlns:a16="http://schemas.microsoft.com/office/drawing/2014/main" id="{50F42A28-DDBC-42E7-B0D6-6161C47D338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 flipH="1">
            <a:off x="1713691" y="3737119"/>
            <a:ext cx="2077225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OTLSHAPE_M_c186f7a05617441db13aaae46f0af7ed_Connector1">
            <a:extLst>
              <a:ext uri="{FF2B5EF4-FFF2-40B4-BE49-F238E27FC236}">
                <a16:creationId xmlns:a16="http://schemas.microsoft.com/office/drawing/2014/main" id="{8AA39934-8230-4CA7-B1A8-B15B8D61184E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8255203" y="1762692"/>
            <a:ext cx="0" cy="44217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" name="OTLSHAPE_M_3e5d9068921e4f4c98fadb09a5ee1d57_Connector1">
            <a:extLst>
              <a:ext uri="{FF2B5EF4-FFF2-40B4-BE49-F238E27FC236}">
                <a16:creationId xmlns:a16="http://schemas.microsoft.com/office/drawing/2014/main" id="{123FAAE0-FA34-44D8-9139-E8CCE755CBC6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1001872" y="1762692"/>
            <a:ext cx="0" cy="44217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8CA1D4D2-BD55-49B5-B4C3-0FD88B08AB6E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55735" y="2255833"/>
            <a:ext cx="512961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pc="-38">
                <a:solidFill>
                  <a:srgbClr val="C0504D"/>
                </a:solidFill>
                <a:latin typeface="Calibri" panose="020F0502020204030204" pitchFamily="34" charset="0"/>
              </a:rPr>
              <a:t>256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3DCEF31-8875-4423-9C4A-C6270BD5FDA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8401269" y="2255833"/>
            <a:ext cx="512961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pc="-38">
                <a:solidFill>
                  <a:srgbClr val="C0504D"/>
                </a:solidFill>
                <a:latin typeface="Calibri" panose="020F0502020204030204" pitchFamily="34" charset="0"/>
              </a:rPr>
              <a:t>256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106BCE2-0CC0-4E7F-8407-BBF2D10868AF}"/>
              </a:ext>
            </a:extLst>
          </p:cNvPr>
          <p:cNvSpPr/>
          <p:nvPr>
            <p:custDataLst>
              <p:tags r:id="rId7"/>
            </p:custDataLst>
          </p:nvPr>
        </p:nvSpPr>
        <p:spPr bwMode="auto">
          <a:xfrm>
            <a:off x="971600" y="2204864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729696E5-E9CB-493E-BB14-140B6E8D48F7}"/>
              </a:ext>
            </a:extLst>
          </p:cNvPr>
          <p:cNvSpPr/>
          <p:nvPr>
            <p:custDataLst>
              <p:tags r:id="rId8"/>
            </p:custDataLst>
          </p:nvPr>
        </p:nvSpPr>
        <p:spPr bwMode="auto">
          <a:xfrm>
            <a:off x="971600" y="2509664"/>
            <a:ext cx="812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8A5D7AA-F497-48F0-B820-16A017A3DC2F}"/>
              </a:ext>
            </a:extLst>
          </p:cNvPr>
          <p:cNvSpPr/>
          <p:nvPr>
            <p:custDataLst>
              <p:tags r:id="rId9"/>
            </p:custDataLst>
          </p:nvPr>
        </p:nvSpPr>
        <p:spPr bwMode="auto">
          <a:xfrm>
            <a:off x="1727181" y="2585864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algn="ctr">
              <a:schemeClr val="bg2">
                <a:alpha val="50000"/>
              </a:scheme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EB4FEEF1-3A05-431F-A9D3-0AB2D394CC33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601481" y="2712864"/>
            <a:ext cx="35311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0" spc="-24">
                <a:solidFill>
                  <a:schemeClr val="dk2"/>
                </a:solidFill>
                <a:latin typeface="Calibri" panose="020F0502020204030204" pitchFamily="34" charset="0"/>
              </a:rPr>
              <a:t>Today</a:t>
            </a:r>
            <a:endParaRPr lang="th-TH" sz="1200" b="0" spc="-2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49AC7C7-9A38-47A5-9255-8AD707584EF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035100" y="2302337"/>
            <a:ext cx="21480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ส.ค.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608DAC61-DEA9-471D-ADEE-5FDAA4154EF3}"/>
              </a:ext>
            </a:extLst>
          </p:cNvPr>
          <p:cNvCxnSpPr/>
          <p:nvPr>
            <p:custDataLst>
              <p:tags r:id="rId12"/>
            </p:custDataLst>
          </p:nvPr>
        </p:nvCxnSpPr>
        <p:spPr bwMode="auto">
          <a:xfrm>
            <a:off x="1713690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FEF5EFC7-663F-43C9-AC69-BAAF662D1D4A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777190" y="2302337"/>
            <a:ext cx="2003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ก.ย.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B56C9A36-85DF-43CF-B139-B747CAF4D8FF}"/>
              </a:ext>
            </a:extLst>
          </p:cNvPr>
          <p:cNvCxnSpPr/>
          <p:nvPr>
            <p:custDataLst>
              <p:tags r:id="rId14"/>
            </p:custDataLst>
          </p:nvPr>
        </p:nvCxnSpPr>
        <p:spPr bwMode="auto">
          <a:xfrm>
            <a:off x="2431842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C8C3C1B3-49B8-4F42-98F0-C5A78AF3DD7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495342" y="2302337"/>
            <a:ext cx="20839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ต.ค.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F80C4EB7-266C-4663-97B5-254ABCEEB9A5}"/>
              </a:ext>
            </a:extLst>
          </p:cNvPr>
          <p:cNvCxnSpPr/>
          <p:nvPr>
            <p:custDataLst>
              <p:tags r:id="rId16"/>
            </p:custDataLst>
          </p:nvPr>
        </p:nvCxnSpPr>
        <p:spPr bwMode="auto">
          <a:xfrm>
            <a:off x="3173932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689DEE3-8DFA-4827-B8FC-D09AA86580C7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237432" y="2302337"/>
            <a:ext cx="2115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พ.ย.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DB81116-666B-4FFF-9C8F-D7D7C32ADAA0}"/>
              </a:ext>
            </a:extLst>
          </p:cNvPr>
          <p:cNvCxnSpPr/>
          <p:nvPr>
            <p:custDataLst>
              <p:tags r:id="rId18"/>
            </p:custDataLst>
          </p:nvPr>
        </p:nvCxnSpPr>
        <p:spPr bwMode="auto">
          <a:xfrm>
            <a:off x="3892083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258E375-F9F1-4845-BE56-3010918B451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955583" y="2302337"/>
            <a:ext cx="20518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ธ.ค.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FF184A6C-4037-48DA-8A7C-3653CBCAE3A8}"/>
              </a:ext>
            </a:extLst>
          </p:cNvPr>
          <p:cNvCxnSpPr/>
          <p:nvPr>
            <p:custDataLst>
              <p:tags r:id="rId20"/>
            </p:custDataLst>
          </p:nvPr>
        </p:nvCxnSpPr>
        <p:spPr bwMode="auto">
          <a:xfrm>
            <a:off x="4634173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C134C629-8909-47C1-BDB7-7D67A48F798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4697673" y="2302337"/>
            <a:ext cx="326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 spc="-26">
                <a:solidFill>
                  <a:schemeClr val="lt1"/>
                </a:solidFill>
                <a:latin typeface="Calibri" panose="020F0502020204030204" pitchFamily="34" charset="0"/>
              </a:rPr>
              <a:t>2561</a:t>
            </a:r>
          </a:p>
        </p:txBody>
      </p: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3A2CE3A3-B20A-4109-9154-6E1DC9EAF8B7}"/>
              </a:ext>
            </a:extLst>
          </p:cNvPr>
          <p:cNvCxnSpPr/>
          <p:nvPr>
            <p:custDataLst>
              <p:tags r:id="rId22"/>
            </p:custDataLst>
          </p:nvPr>
        </p:nvCxnSpPr>
        <p:spPr bwMode="auto">
          <a:xfrm>
            <a:off x="5376263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34A24D57-5D10-41CB-BFF6-B2C8E94E06A3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439763" y="2302337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ก.พ.</a:t>
            </a:r>
          </a:p>
        </p:txBody>
      </p: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98BCEC05-6148-493C-970D-71124998CE89}"/>
              </a:ext>
            </a:extLst>
          </p:cNvPr>
          <p:cNvCxnSpPr/>
          <p:nvPr>
            <p:custDataLst>
              <p:tags r:id="rId24"/>
            </p:custDataLst>
          </p:nvPr>
        </p:nvCxnSpPr>
        <p:spPr bwMode="auto">
          <a:xfrm>
            <a:off x="6046538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17928177-EB31-4628-8022-3DE7F7F560B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110038" y="2302337"/>
            <a:ext cx="2115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มี.ค.</a:t>
            </a:r>
          </a:p>
        </p:txBody>
      </p: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1F17A8F3-2495-4F37-A416-660337109FAB}"/>
              </a:ext>
            </a:extLst>
          </p:cNvPr>
          <p:cNvCxnSpPr/>
          <p:nvPr>
            <p:custDataLst>
              <p:tags r:id="rId26"/>
            </p:custDataLst>
          </p:nvPr>
        </p:nvCxnSpPr>
        <p:spPr bwMode="auto">
          <a:xfrm>
            <a:off x="6788628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F6B1BBF0-D72A-4140-8161-B36056B01A0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852128" y="2302337"/>
            <a:ext cx="22923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เม.ย.</a:t>
            </a:r>
          </a:p>
        </p:txBody>
      </p: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F26A4AB8-D982-43CD-ACAD-43DC22968532}"/>
              </a:ext>
            </a:extLst>
          </p:cNvPr>
          <p:cNvCxnSpPr/>
          <p:nvPr>
            <p:custDataLst>
              <p:tags r:id="rId28"/>
            </p:custDataLst>
          </p:nvPr>
        </p:nvCxnSpPr>
        <p:spPr bwMode="auto">
          <a:xfrm>
            <a:off x="7506780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64B5B6F-F526-4599-A202-761FD17B701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570280" y="2302337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พ.ค.</a:t>
            </a:r>
          </a:p>
        </p:txBody>
      </p:sp>
      <p:sp>
        <p:nvSpPr>
          <p:cNvPr id="37" name="OTLSHAPE_M_3e5d9068921e4f4c98fadb09a5ee1d57_Title">
            <a:extLst>
              <a:ext uri="{FF2B5EF4-FFF2-40B4-BE49-F238E27FC236}">
                <a16:creationId xmlns:a16="http://schemas.microsoft.com/office/drawing/2014/main" id="{B5CFF51E-00B5-408A-82FB-91A79641EBC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24122" y="16507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>
                <a:solidFill>
                  <a:schemeClr val="dk2"/>
                </a:solidFill>
                <a:latin typeface="Calibri" panose="020F0502020204030204" pitchFamily="34" charset="0"/>
              </a:rPr>
              <a:t>Start</a:t>
            </a:r>
            <a:endParaRPr lang="th-TH" sz="11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3e5d9068921e4f4c98fadb09a5ee1d57_Date">
            <a:extLst>
              <a:ext uri="{FF2B5EF4-FFF2-40B4-BE49-F238E27FC236}">
                <a16:creationId xmlns:a16="http://schemas.microsoft.com/office/drawing/2014/main" id="{AC912D9D-B16A-4655-AB3E-1D021D38504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24122" y="183393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000" b="0" spc="-14">
                <a:solidFill>
                  <a:srgbClr val="1F497E"/>
                </a:solidFill>
                <a:latin typeface="Calibri" panose="020F0502020204030204" pitchFamily="34" charset="0"/>
              </a:rPr>
              <a:t>8/1/2560</a:t>
            </a:r>
          </a:p>
        </p:txBody>
      </p:sp>
      <p:sp>
        <p:nvSpPr>
          <p:cNvPr id="39" name="OTLSHAPE_M_3e5d9068921e4f4c98fadb09a5ee1d57_Shape">
            <a:extLst>
              <a:ext uri="{FF2B5EF4-FFF2-40B4-BE49-F238E27FC236}">
                <a16:creationId xmlns:a16="http://schemas.microsoft.com/office/drawing/2014/main" id="{DAD8163C-A8B2-4D0C-832C-C71A762626D7}"/>
              </a:ext>
            </a:extLst>
          </p:cNvPr>
          <p:cNvSpPr/>
          <p:nvPr>
            <p:custDataLst>
              <p:tags r:id="rId32"/>
            </p:custDataLst>
          </p:nvPr>
        </p:nvSpPr>
        <p:spPr bwMode="auto">
          <a:xfrm rot="16200000">
            <a:off x="1027272" y="1762692"/>
            <a:ext cx="165100" cy="165100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ctr">
                    <a:schemeClr val="bg2">
                      <a:alpha val="50000"/>
                    </a:scheme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0" name="OTLSHAPE_M_c186f7a05617441db13aaae46f0af7ed_Title">
            <a:extLst>
              <a:ext uri="{FF2B5EF4-FFF2-40B4-BE49-F238E27FC236}">
                <a16:creationId xmlns:a16="http://schemas.microsoft.com/office/drawing/2014/main" id="{740BDB66-47E6-463E-952C-918CF6310ED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477453" y="1650721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chemeClr val="dk2"/>
                </a:solidFill>
                <a:latin typeface="Calibri" panose="020F0502020204030204" pitchFamily="34" charset="0"/>
              </a:rPr>
              <a:t>Summary</a:t>
            </a:r>
            <a:endParaRPr lang="th-TH" sz="1100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M_c186f7a05617441db13aaae46f0af7ed_Date">
            <a:extLst>
              <a:ext uri="{FF2B5EF4-FFF2-40B4-BE49-F238E27FC236}">
                <a16:creationId xmlns:a16="http://schemas.microsoft.com/office/drawing/2014/main" id="{B643ECD8-2D08-461C-B7A5-4B2B9924903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477453" y="183393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000" b="0" spc="-16">
                <a:solidFill>
                  <a:srgbClr val="1F497E"/>
                </a:solidFill>
                <a:latin typeface="Calibri" panose="020F0502020204030204" pitchFamily="34" charset="0"/>
              </a:rPr>
              <a:t>5/31/2561</a:t>
            </a:r>
          </a:p>
        </p:txBody>
      </p:sp>
      <p:sp>
        <p:nvSpPr>
          <p:cNvPr id="42" name="OTLSHAPE_M_c186f7a05617441db13aaae46f0af7ed_Shape">
            <a:extLst>
              <a:ext uri="{FF2B5EF4-FFF2-40B4-BE49-F238E27FC236}">
                <a16:creationId xmlns:a16="http://schemas.microsoft.com/office/drawing/2014/main" id="{FEBF7BD0-0597-4E23-A3CF-A2BA9BACFA2C}"/>
              </a:ext>
            </a:extLst>
          </p:cNvPr>
          <p:cNvSpPr/>
          <p:nvPr>
            <p:custDataLst>
              <p:tags r:id="rId35"/>
            </p:custDataLst>
          </p:nvPr>
        </p:nvSpPr>
        <p:spPr bwMode="auto">
          <a:xfrm rot="16200000">
            <a:off x="8280603" y="1762692"/>
            <a:ext cx="165100" cy="165100"/>
          </a:xfrm>
          <a:prstGeom prst="flowChartMerge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ctr">
                    <a:schemeClr val="bg2">
                      <a:alpha val="50000"/>
                    </a:scheme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4" name="OTLSHAPE_T_2d346210d30c41b487ee60270b0d2bcf_ShapePercentage" hidden="1">
            <a:extLst>
              <a:ext uri="{FF2B5EF4-FFF2-40B4-BE49-F238E27FC236}">
                <a16:creationId xmlns:a16="http://schemas.microsoft.com/office/drawing/2014/main" id="{04329469-9F16-43CF-915D-5D98DAD0E047}"/>
              </a:ext>
            </a:extLst>
          </p:cNvPr>
          <p:cNvSpPr/>
          <p:nvPr>
            <p:custDataLst>
              <p:tags r:id="rId36"/>
            </p:custDataLst>
          </p:nvPr>
        </p:nvSpPr>
        <p:spPr bwMode="auto">
          <a:xfrm>
            <a:off x="933365" y="39452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5" name="OTLSHAPE_T_2d346210d30c41b487ee60270b0d2bcf_Duration" hidden="1">
            <a:extLst>
              <a:ext uri="{FF2B5EF4-FFF2-40B4-BE49-F238E27FC236}">
                <a16:creationId xmlns:a16="http://schemas.microsoft.com/office/drawing/2014/main" id="{B20E7342-0219-4322-9E3E-3EFA235A178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d346210d30c41b487ee60270b0d2bcf_TextPercentage" hidden="1">
            <a:extLst>
              <a:ext uri="{FF2B5EF4-FFF2-40B4-BE49-F238E27FC236}">
                <a16:creationId xmlns:a16="http://schemas.microsoft.com/office/drawing/2014/main" id="{7F83C51E-1084-497A-8DF9-382BB7D24F1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2d346210d30c41b487ee60270b0d2bcf_StartDate" hidden="1">
            <a:extLst>
              <a:ext uri="{FF2B5EF4-FFF2-40B4-BE49-F238E27FC236}">
                <a16:creationId xmlns:a16="http://schemas.microsoft.com/office/drawing/2014/main" id="{7A40141D-3DF8-4301-933B-D0DB00E088F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2d346210d30c41b487ee60270b0d2bcf_EndDate" hidden="1">
            <a:extLst>
              <a:ext uri="{FF2B5EF4-FFF2-40B4-BE49-F238E27FC236}">
                <a16:creationId xmlns:a16="http://schemas.microsoft.com/office/drawing/2014/main" id="{7F9F490C-890F-4E95-9336-B63C872F60D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c03a7254671e4aea970a21b4426c5246_ShapePercentage" hidden="1">
            <a:extLst>
              <a:ext uri="{FF2B5EF4-FFF2-40B4-BE49-F238E27FC236}">
                <a16:creationId xmlns:a16="http://schemas.microsoft.com/office/drawing/2014/main" id="{B4F6254F-E47E-4029-8CF4-5531C16A4299}"/>
              </a:ext>
            </a:extLst>
          </p:cNvPr>
          <p:cNvSpPr/>
          <p:nvPr>
            <p:custDataLst>
              <p:tags r:id="rId41"/>
            </p:custDataLst>
          </p:nvPr>
        </p:nvSpPr>
        <p:spPr bwMode="auto">
          <a:xfrm>
            <a:off x="1675455" y="42119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3" name="OTLSHAPE_T_c03a7254671e4aea970a21b4426c5246_Duration" hidden="1">
            <a:extLst>
              <a:ext uri="{FF2B5EF4-FFF2-40B4-BE49-F238E27FC236}">
                <a16:creationId xmlns:a16="http://schemas.microsoft.com/office/drawing/2014/main" id="{CE2AD082-FB30-4E7A-A28A-127431E036F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c03a7254671e4aea970a21b4426c5246_TextPercentage" hidden="1">
            <a:extLst>
              <a:ext uri="{FF2B5EF4-FFF2-40B4-BE49-F238E27FC236}">
                <a16:creationId xmlns:a16="http://schemas.microsoft.com/office/drawing/2014/main" id="{39B2437D-F4C0-4B70-AAAA-CA0917D7953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c03a7254671e4aea970a21b4426c5246_StartDate" hidden="1">
            <a:extLst>
              <a:ext uri="{FF2B5EF4-FFF2-40B4-BE49-F238E27FC236}">
                <a16:creationId xmlns:a16="http://schemas.microsoft.com/office/drawing/2014/main" id="{81DB0B29-AB03-4E49-906C-5D59EBC066D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c03a7254671e4aea970a21b4426c5246_EndDate" hidden="1">
            <a:extLst>
              <a:ext uri="{FF2B5EF4-FFF2-40B4-BE49-F238E27FC236}">
                <a16:creationId xmlns:a16="http://schemas.microsoft.com/office/drawing/2014/main" id="{5533AEEA-3BE8-4E44-B1D9-99EA77C60F9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49118ee4ec454f81a4f046fe0f354822_ShapePercentage" hidden="1">
            <a:extLst>
              <a:ext uri="{FF2B5EF4-FFF2-40B4-BE49-F238E27FC236}">
                <a16:creationId xmlns:a16="http://schemas.microsoft.com/office/drawing/2014/main" id="{788A22B3-1A19-4B8E-9F86-E0CBA383564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>
            <a:off x="1675455" y="44786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1" name="OTLSHAPE_T_49118ee4ec454f81a4f046fe0f354822_Duration" hidden="1">
            <a:extLst>
              <a:ext uri="{FF2B5EF4-FFF2-40B4-BE49-F238E27FC236}">
                <a16:creationId xmlns:a16="http://schemas.microsoft.com/office/drawing/2014/main" id="{3209F027-E19D-4D88-BCE8-82817785ACB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9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49118ee4ec454f81a4f046fe0f354822_TextPercentage" hidden="1">
            <a:extLst>
              <a:ext uri="{FF2B5EF4-FFF2-40B4-BE49-F238E27FC236}">
                <a16:creationId xmlns:a16="http://schemas.microsoft.com/office/drawing/2014/main" id="{41A6073F-099B-4997-939F-50E4BD08C9A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9118ee4ec454f81a4f046fe0f354822_StartDate" hidden="1">
            <a:extLst>
              <a:ext uri="{FF2B5EF4-FFF2-40B4-BE49-F238E27FC236}">
                <a16:creationId xmlns:a16="http://schemas.microsoft.com/office/drawing/2014/main" id="{0A075A20-7A15-40AE-84D9-052D8446661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9118ee4ec454f81a4f046fe0f354822_EndDate" hidden="1">
            <a:extLst>
              <a:ext uri="{FF2B5EF4-FFF2-40B4-BE49-F238E27FC236}">
                <a16:creationId xmlns:a16="http://schemas.microsoft.com/office/drawing/2014/main" id="{B850B73C-977F-4BE7-8080-FB2524C0641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35094edf90ed4861b9b2abf242a3a5b0_ShapePercentage" hidden="1">
            <a:extLst>
              <a:ext uri="{FF2B5EF4-FFF2-40B4-BE49-F238E27FC236}">
                <a16:creationId xmlns:a16="http://schemas.microsoft.com/office/drawing/2014/main" id="{56BEA265-E861-465D-8C0B-1FE43F5174EC}"/>
              </a:ext>
            </a:extLst>
          </p:cNvPr>
          <p:cNvSpPr/>
          <p:nvPr>
            <p:custDataLst>
              <p:tags r:id="rId51"/>
            </p:custDataLst>
          </p:nvPr>
        </p:nvSpPr>
        <p:spPr bwMode="auto">
          <a:xfrm>
            <a:off x="3135697" y="47453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9" name="OTLSHAPE_T_35094edf90ed4861b9b2abf242a3a5b0_Duration" hidden="1">
            <a:extLst>
              <a:ext uri="{FF2B5EF4-FFF2-40B4-BE49-F238E27FC236}">
                <a16:creationId xmlns:a16="http://schemas.microsoft.com/office/drawing/2014/main" id="{7B768FDE-7220-40EA-B14F-6921CDB1AD8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47453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35094edf90ed4861b9b2abf242a3a5b0_TextPercentage" hidden="1">
            <a:extLst>
              <a:ext uri="{FF2B5EF4-FFF2-40B4-BE49-F238E27FC236}">
                <a16:creationId xmlns:a16="http://schemas.microsoft.com/office/drawing/2014/main" id="{963941C0-3E76-4E8E-A60F-DBF3365F431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35094edf90ed4861b9b2abf242a3a5b0_StartDate" hidden="1">
            <a:extLst>
              <a:ext uri="{FF2B5EF4-FFF2-40B4-BE49-F238E27FC236}">
                <a16:creationId xmlns:a16="http://schemas.microsoft.com/office/drawing/2014/main" id="{716AD3DF-1563-4B8F-BD34-7C3CA85F677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35094edf90ed4861b9b2abf242a3a5b0_EndDate" hidden="1">
            <a:extLst>
              <a:ext uri="{FF2B5EF4-FFF2-40B4-BE49-F238E27FC236}">
                <a16:creationId xmlns:a16="http://schemas.microsoft.com/office/drawing/2014/main" id="{ED746238-CC7F-459F-8356-FB998EEC23C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3" name="Group 112">
            <a:extLst>
              <a:ext uri="{FF2B5EF4-FFF2-40B4-BE49-F238E27FC236}">
                <a16:creationId xmlns:a16="http://schemas.microsoft.com/office/drawing/2014/main" id="{3C8DCAAB-05DD-4CE0-BBB1-86013BFCA7F0}"/>
              </a:ext>
            </a:extLst>
          </p:cNvPr>
          <p:cNvGrpSpPr/>
          <p:nvPr/>
        </p:nvGrpSpPr>
        <p:grpSpPr>
          <a:xfrm>
            <a:off x="165235" y="3902219"/>
            <a:ext cx="7138587" cy="203200"/>
            <a:chOff x="127000" y="3902219"/>
            <a:chExt cx="7138587" cy="203200"/>
          </a:xfrm>
        </p:grpSpPr>
        <p:cxnSp>
          <p:nvCxnSpPr>
            <p:cNvPr id="32" name="OTLSHAPE_T_35094edf90ed4861b9b2abf242a3a5b0_HorizontalConnector1">
              <a:extLst>
                <a:ext uri="{FF2B5EF4-FFF2-40B4-BE49-F238E27FC236}">
                  <a16:creationId xmlns:a16="http://schemas.microsoft.com/office/drawing/2014/main" id="{0C0E62D9-776A-4562-A9A2-DA8F40E19146}"/>
                </a:ext>
              </a:extLst>
            </p:cNvPr>
            <p:cNvCxnSpPr/>
            <p:nvPr>
              <p:custDataLst>
                <p:tags r:id="rId101"/>
              </p:custDataLst>
            </p:nvPr>
          </p:nvCxnSpPr>
          <p:spPr bwMode="auto">
            <a:xfrm>
              <a:off x="1645878" y="4003819"/>
              <a:ext cx="1489819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67" name="OTLSHAPE_T_35094edf90ed4861b9b2abf242a3a5b0_Shape">
              <a:extLst>
                <a:ext uri="{FF2B5EF4-FFF2-40B4-BE49-F238E27FC236}">
                  <a16:creationId xmlns:a16="http://schemas.microsoft.com/office/drawing/2014/main" id="{9D04035E-D695-4E6E-A899-214D222C1E0F}"/>
                </a:ext>
              </a:extLst>
            </p:cNvPr>
            <p:cNvSpPr/>
            <p:nvPr>
              <p:custDataLst>
                <p:tags r:id="rId102"/>
              </p:custDataLst>
            </p:nvPr>
          </p:nvSpPr>
          <p:spPr bwMode="auto">
            <a:xfrm>
              <a:off x="3135697" y="3902219"/>
              <a:ext cx="2882900" cy="203200"/>
            </a:xfrm>
            <a:prstGeom prst="roundRect">
              <a:avLst>
                <a:gd name="adj" fmla="val 100000"/>
              </a:avLst>
            </a:prstGeom>
            <a:solidFill>
              <a:srgbClr val="0072BC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73" name="OTLSHAPE_T_35094edf90ed4861b9b2abf242a3a5b0_JoinedDate">
              <a:extLst>
                <a:ext uri="{FF2B5EF4-FFF2-40B4-BE49-F238E27FC236}">
                  <a16:creationId xmlns:a16="http://schemas.microsoft.com/office/drawing/2014/main" id="{E71F5722-BF91-43FA-AFA7-D9522AA7082C}"/>
                </a:ext>
              </a:extLst>
            </p:cNvPr>
            <p:cNvSpPr txBox="1"/>
            <p:nvPr>
              <p:custDataLst>
                <p:tags r:id="rId103"/>
              </p:custDataLst>
            </p:nvPr>
          </p:nvSpPr>
          <p:spPr>
            <a:xfrm>
              <a:off x="6059087" y="3926307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4">
                  <a:solidFill>
                    <a:srgbClr val="1F497E"/>
                  </a:solidFill>
                  <a:latin typeface="Calibri" panose="020F0502020204030204" pitchFamily="34" charset="0"/>
                </a:rPr>
                <a:t>11/1/2560 - 2/28/2561</a:t>
              </a:r>
            </a:p>
          </p:txBody>
        </p:sp>
        <p:sp>
          <p:nvSpPr>
            <p:cNvPr id="74" name="OTLSHAPE_T_35094edf90ed4861b9b2abf242a3a5b0_Title">
              <a:extLst>
                <a:ext uri="{FF2B5EF4-FFF2-40B4-BE49-F238E27FC236}">
                  <a16:creationId xmlns:a16="http://schemas.microsoft.com/office/drawing/2014/main" id="{E4EA6656-CFFB-48A5-8809-8318F3091678}"/>
                </a:ext>
              </a:extLst>
            </p:cNvPr>
            <p:cNvSpPr txBox="1"/>
            <p:nvPr>
              <p:custDataLst>
                <p:tags r:id="rId104"/>
              </p:custDataLst>
            </p:nvPr>
          </p:nvSpPr>
          <p:spPr>
            <a:xfrm>
              <a:off x="127000" y="3918560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>
                  <a:solidFill>
                    <a:schemeClr val="dk2"/>
                  </a:solidFill>
                  <a:latin typeface="Calibri" panose="020F0502020204030204" pitchFamily="34" charset="0"/>
                </a:rPr>
                <a:t>วิเคราะห์และออกแบบระบบ</a:t>
              </a:r>
            </a:p>
          </p:txBody>
        </p:sp>
      </p:grpSp>
      <p:sp>
        <p:nvSpPr>
          <p:cNvPr id="76" name="OTLSHAPE_T_166e2b33dbea4d3a9a3cc1dd495db467_ShapePercentage" hidden="1">
            <a:extLst>
              <a:ext uri="{FF2B5EF4-FFF2-40B4-BE49-F238E27FC236}">
                <a16:creationId xmlns:a16="http://schemas.microsoft.com/office/drawing/2014/main" id="{F4AEF5AA-2E27-4C5A-B9B5-A835D0AC5394}"/>
              </a:ext>
            </a:extLst>
          </p:cNvPr>
          <p:cNvSpPr/>
          <p:nvPr>
            <p:custDataLst>
              <p:tags r:id="rId56"/>
            </p:custDataLst>
          </p:nvPr>
        </p:nvSpPr>
        <p:spPr bwMode="auto">
          <a:xfrm>
            <a:off x="5338028" y="50120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7" name="OTLSHAPE_T_166e2b33dbea4d3a9a3cc1dd495db467_Duration" hidden="1">
            <a:extLst>
              <a:ext uri="{FF2B5EF4-FFF2-40B4-BE49-F238E27FC236}">
                <a16:creationId xmlns:a16="http://schemas.microsoft.com/office/drawing/2014/main" id="{8471A490-2336-408A-9B56-AC26FD83206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166e2b33dbea4d3a9a3cc1dd495db467_TextPercentage" hidden="1">
            <a:extLst>
              <a:ext uri="{FF2B5EF4-FFF2-40B4-BE49-F238E27FC236}">
                <a16:creationId xmlns:a16="http://schemas.microsoft.com/office/drawing/2014/main" id="{C2F7B1A4-9CCC-4C7E-A023-E21F042EAFA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166e2b33dbea4d3a9a3cc1dd495db467_StartDate" hidden="1">
            <a:extLst>
              <a:ext uri="{FF2B5EF4-FFF2-40B4-BE49-F238E27FC236}">
                <a16:creationId xmlns:a16="http://schemas.microsoft.com/office/drawing/2014/main" id="{6A0A2006-9ED0-45ED-AA7C-A1A410A8AB3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166e2b33dbea4d3a9a3cc1dd495db467_EndDate" hidden="1">
            <a:extLst>
              <a:ext uri="{FF2B5EF4-FFF2-40B4-BE49-F238E27FC236}">
                <a16:creationId xmlns:a16="http://schemas.microsoft.com/office/drawing/2014/main" id="{A550888A-E8AB-47A7-B1F0-FB29EB95AC3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F553BBC9-B07B-4D34-82E8-489B23F6CAFA}"/>
              </a:ext>
            </a:extLst>
          </p:cNvPr>
          <p:cNvGrpSpPr/>
          <p:nvPr/>
        </p:nvGrpSpPr>
        <p:grpSpPr>
          <a:xfrm>
            <a:off x="165235" y="4168919"/>
            <a:ext cx="7804476" cy="203200"/>
            <a:chOff x="127000" y="4168919"/>
            <a:chExt cx="7804476" cy="203200"/>
          </a:xfrm>
        </p:grpSpPr>
        <p:cxnSp>
          <p:nvCxnSpPr>
            <p:cNvPr id="33" name="OTLSHAPE_T_166e2b33dbea4d3a9a3cc1dd495db467_HorizontalConnector1">
              <a:extLst>
                <a:ext uri="{FF2B5EF4-FFF2-40B4-BE49-F238E27FC236}">
                  <a16:creationId xmlns:a16="http://schemas.microsoft.com/office/drawing/2014/main" id="{FEAA58CC-6CD5-4003-A9DD-53BDA5542A21}"/>
                </a:ext>
              </a:extLst>
            </p:cNvPr>
            <p:cNvCxnSpPr/>
            <p:nvPr>
              <p:custDataLst>
                <p:tags r:id="rId97"/>
              </p:custDataLst>
            </p:nvPr>
          </p:nvCxnSpPr>
          <p:spPr bwMode="auto">
            <a:xfrm>
              <a:off x="844254" y="4270519"/>
              <a:ext cx="4493775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75" name="OTLSHAPE_T_166e2b33dbea4d3a9a3cc1dd495db467_Shape">
              <a:extLst>
                <a:ext uri="{FF2B5EF4-FFF2-40B4-BE49-F238E27FC236}">
                  <a16:creationId xmlns:a16="http://schemas.microsoft.com/office/drawing/2014/main" id="{01381887-A1C0-4BBD-AA2C-FC1491DA3331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 bwMode="auto">
            <a:xfrm>
              <a:off x="5338028" y="4168919"/>
              <a:ext cx="1422400" cy="203200"/>
            </a:xfrm>
            <a:prstGeom prst="roundRect">
              <a:avLst>
                <a:gd name="adj" fmla="val 100000"/>
              </a:avLst>
            </a:prstGeom>
            <a:solidFill>
              <a:srgbClr val="EA161E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81" name="OTLSHAPE_T_166e2b33dbea4d3a9a3cc1dd495db467_JoinedDate">
              <a:extLst>
                <a:ext uri="{FF2B5EF4-FFF2-40B4-BE49-F238E27FC236}">
                  <a16:creationId xmlns:a16="http://schemas.microsoft.com/office/drawing/2014/main" id="{238382BC-6805-4B99-928B-776E06F29ADB}"/>
                </a:ext>
              </a:extLst>
            </p:cNvPr>
            <p:cNvSpPr txBox="1"/>
            <p:nvPr>
              <p:custDataLst>
                <p:tags r:id="rId99"/>
              </p:custDataLst>
            </p:nvPr>
          </p:nvSpPr>
          <p:spPr>
            <a:xfrm>
              <a:off x="6801176" y="41930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 dirty="0">
                  <a:solidFill>
                    <a:srgbClr val="1F497E"/>
                  </a:solidFill>
                  <a:latin typeface="Calibri" panose="020F0502020204030204" pitchFamily="34" charset="0"/>
                </a:rPr>
                <a:t>2/1/2561 - 3/31/2561</a:t>
              </a:r>
            </a:p>
          </p:txBody>
        </p:sp>
        <p:sp>
          <p:nvSpPr>
            <p:cNvPr id="82" name="OTLSHAPE_T_166e2b33dbea4d3a9a3cc1dd495db467_Title">
              <a:extLst>
                <a:ext uri="{FF2B5EF4-FFF2-40B4-BE49-F238E27FC236}">
                  <a16:creationId xmlns:a16="http://schemas.microsoft.com/office/drawing/2014/main" id="{7727F16E-34A6-41BD-9D23-7DDF773369A7}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>
              <a:off x="127000" y="4185260"/>
              <a:ext cx="723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พัฒนาระบบ</a:t>
              </a:r>
            </a:p>
          </p:txBody>
        </p:sp>
      </p:grpSp>
      <p:sp>
        <p:nvSpPr>
          <p:cNvPr id="84" name="OTLSHAPE_T_696e72d6b71a4896876ecbf503b8f200_ShapePercentage" hidden="1">
            <a:extLst>
              <a:ext uri="{FF2B5EF4-FFF2-40B4-BE49-F238E27FC236}">
                <a16:creationId xmlns:a16="http://schemas.microsoft.com/office/drawing/2014/main" id="{CB1385C6-C2DF-4C09-A06F-C6D53ED6FF50}"/>
              </a:ext>
            </a:extLst>
          </p:cNvPr>
          <p:cNvSpPr/>
          <p:nvPr>
            <p:custDataLst>
              <p:tags r:id="rId61"/>
            </p:custDataLst>
          </p:nvPr>
        </p:nvSpPr>
        <p:spPr bwMode="auto">
          <a:xfrm>
            <a:off x="5338028" y="52787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5" name="OTLSHAPE_T_696e72d6b71a4896876ecbf503b8f200_Duration" hidden="1">
            <a:extLst>
              <a:ext uri="{FF2B5EF4-FFF2-40B4-BE49-F238E27FC236}">
                <a16:creationId xmlns:a16="http://schemas.microsoft.com/office/drawing/2014/main" id="{CB0DDA88-2267-447F-A1AD-5D3CD8BF93E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696e72d6b71a4896876ecbf503b8f200_TextPercentage" hidden="1">
            <a:extLst>
              <a:ext uri="{FF2B5EF4-FFF2-40B4-BE49-F238E27FC236}">
                <a16:creationId xmlns:a16="http://schemas.microsoft.com/office/drawing/2014/main" id="{7A47597A-8386-4F75-AF45-E9C2D6BDBFB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696e72d6b71a4896876ecbf503b8f200_StartDate" hidden="1">
            <a:extLst>
              <a:ext uri="{FF2B5EF4-FFF2-40B4-BE49-F238E27FC236}">
                <a16:creationId xmlns:a16="http://schemas.microsoft.com/office/drawing/2014/main" id="{1FC6584F-1F22-43D3-BD8C-3914ED81D60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696e72d6b71a4896876ecbf503b8f200_EndDate" hidden="1">
            <a:extLst>
              <a:ext uri="{FF2B5EF4-FFF2-40B4-BE49-F238E27FC236}">
                <a16:creationId xmlns:a16="http://schemas.microsoft.com/office/drawing/2014/main" id="{AEE77271-1A55-4E64-A84D-E08A37FCBAA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5" name="Group 114">
            <a:extLst>
              <a:ext uri="{FF2B5EF4-FFF2-40B4-BE49-F238E27FC236}">
                <a16:creationId xmlns:a16="http://schemas.microsoft.com/office/drawing/2014/main" id="{D339D70C-BFA6-411E-84F2-CE146749FFF2}"/>
              </a:ext>
            </a:extLst>
          </p:cNvPr>
          <p:cNvGrpSpPr/>
          <p:nvPr/>
        </p:nvGrpSpPr>
        <p:grpSpPr>
          <a:xfrm>
            <a:off x="165235" y="4435619"/>
            <a:ext cx="7804476" cy="203200"/>
            <a:chOff x="127000" y="4435619"/>
            <a:chExt cx="7804476" cy="203200"/>
          </a:xfrm>
        </p:grpSpPr>
        <p:cxnSp>
          <p:nvCxnSpPr>
            <p:cNvPr id="34" name="OTLSHAPE_T_696e72d6b71a4896876ecbf503b8f200_HorizontalConnector1">
              <a:extLst>
                <a:ext uri="{FF2B5EF4-FFF2-40B4-BE49-F238E27FC236}">
                  <a16:creationId xmlns:a16="http://schemas.microsoft.com/office/drawing/2014/main" id="{6A06395C-D301-4B9D-A2C5-53668A2FA156}"/>
                </a:ext>
              </a:extLst>
            </p:cNvPr>
            <p:cNvCxnSpPr/>
            <p:nvPr>
              <p:custDataLst>
                <p:tags r:id="rId93"/>
              </p:custDataLst>
            </p:nvPr>
          </p:nvCxnSpPr>
          <p:spPr bwMode="auto">
            <a:xfrm>
              <a:off x="1351026" y="4537219"/>
              <a:ext cx="3987002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83" name="OTLSHAPE_T_696e72d6b71a4896876ecbf503b8f200_Shape">
              <a:extLst>
                <a:ext uri="{FF2B5EF4-FFF2-40B4-BE49-F238E27FC236}">
                  <a16:creationId xmlns:a16="http://schemas.microsoft.com/office/drawing/2014/main" id="{9ACD665A-3294-4F2B-A60D-D6566C1711FE}"/>
                </a:ext>
              </a:extLst>
            </p:cNvPr>
            <p:cNvSpPr/>
            <p:nvPr>
              <p:custDataLst>
                <p:tags r:id="rId94"/>
              </p:custDataLst>
            </p:nvPr>
          </p:nvSpPr>
          <p:spPr bwMode="auto">
            <a:xfrm>
              <a:off x="5338028" y="4435619"/>
              <a:ext cx="1422400" cy="203200"/>
            </a:xfrm>
            <a:prstGeom prst="roundRect">
              <a:avLst>
                <a:gd name="adj" fmla="val 100000"/>
              </a:avLst>
            </a:prstGeom>
            <a:solidFill>
              <a:srgbClr val="96D642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89" name="OTLSHAPE_T_696e72d6b71a4896876ecbf503b8f200_JoinedDate">
              <a:extLst>
                <a:ext uri="{FF2B5EF4-FFF2-40B4-BE49-F238E27FC236}">
                  <a16:creationId xmlns:a16="http://schemas.microsoft.com/office/drawing/2014/main" id="{15601B82-BB38-4A36-AFE7-4C1CA291059D}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6801176" y="44597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>
                  <a:solidFill>
                    <a:srgbClr val="1F497E"/>
                  </a:solidFill>
                  <a:latin typeface="Calibri" panose="020F0502020204030204" pitchFamily="34" charset="0"/>
                </a:rPr>
                <a:t>2/1/2561 - 3/31/2561</a:t>
              </a:r>
            </a:p>
          </p:txBody>
        </p:sp>
        <p:sp>
          <p:nvSpPr>
            <p:cNvPr id="90" name="OTLSHAPE_T_696e72d6b71a4896876ecbf503b8f200_Title">
              <a:extLst>
                <a:ext uri="{FF2B5EF4-FFF2-40B4-BE49-F238E27FC236}">
                  <a16:creationId xmlns:a16="http://schemas.microsoft.com/office/drawing/2014/main" id="{634D75E9-7BA7-45AF-9154-34610AC94A78}"/>
                </a:ext>
              </a:extLst>
            </p:cNvPr>
            <p:cNvSpPr txBox="1"/>
            <p:nvPr>
              <p:custDataLst>
                <p:tags r:id="rId96"/>
              </p:custDataLst>
            </p:nvPr>
          </p:nvSpPr>
          <p:spPr>
            <a:xfrm>
              <a:off x="127000" y="4451960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วิเคราะห์ผลของระบบ</a:t>
              </a:r>
            </a:p>
          </p:txBody>
        </p:sp>
      </p:grpSp>
      <p:sp>
        <p:nvSpPr>
          <p:cNvPr id="92" name="OTLSHAPE_T_5f0f2f25543c47048c0d8b34abf16576_ShapePercentage" hidden="1">
            <a:extLst>
              <a:ext uri="{FF2B5EF4-FFF2-40B4-BE49-F238E27FC236}">
                <a16:creationId xmlns:a16="http://schemas.microsoft.com/office/drawing/2014/main" id="{4F5BC518-8C29-47BF-A386-55AB5EF31DCE}"/>
              </a:ext>
            </a:extLst>
          </p:cNvPr>
          <p:cNvSpPr/>
          <p:nvPr>
            <p:custDataLst>
              <p:tags r:id="rId66"/>
            </p:custDataLst>
          </p:nvPr>
        </p:nvSpPr>
        <p:spPr bwMode="auto">
          <a:xfrm>
            <a:off x="6008303" y="55454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93" name="OTLSHAPE_T_5f0f2f25543c47048c0d8b34abf16576_Duration" hidden="1">
            <a:extLst>
              <a:ext uri="{FF2B5EF4-FFF2-40B4-BE49-F238E27FC236}">
                <a16:creationId xmlns:a16="http://schemas.microsoft.com/office/drawing/2014/main" id="{0D77BD1D-C2FF-46A3-B8FD-C5A00550216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5545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5f0f2f25543c47048c0d8b34abf16576_TextPercentage" hidden="1">
            <a:extLst>
              <a:ext uri="{FF2B5EF4-FFF2-40B4-BE49-F238E27FC236}">
                <a16:creationId xmlns:a16="http://schemas.microsoft.com/office/drawing/2014/main" id="{107E87B6-2145-4508-97C9-6B9743FA23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5f0f2f25543c47048c0d8b34abf16576_StartDate" hidden="1">
            <a:extLst>
              <a:ext uri="{FF2B5EF4-FFF2-40B4-BE49-F238E27FC236}">
                <a16:creationId xmlns:a16="http://schemas.microsoft.com/office/drawing/2014/main" id="{5F276869-85D6-4D61-AC84-E5FB54B0DE7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f0f2f25543c47048c0d8b34abf16576_EndDate" hidden="1">
            <a:extLst>
              <a:ext uri="{FF2B5EF4-FFF2-40B4-BE49-F238E27FC236}">
                <a16:creationId xmlns:a16="http://schemas.microsoft.com/office/drawing/2014/main" id="{FC44B0A7-17C0-4885-8E75-67FC215E305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6" name="Group 115">
            <a:extLst>
              <a:ext uri="{FF2B5EF4-FFF2-40B4-BE49-F238E27FC236}">
                <a16:creationId xmlns:a16="http://schemas.microsoft.com/office/drawing/2014/main" id="{31E22359-B272-4E12-B112-09C3216E23AD}"/>
              </a:ext>
            </a:extLst>
          </p:cNvPr>
          <p:cNvGrpSpPr/>
          <p:nvPr/>
        </p:nvGrpSpPr>
        <p:grpSpPr>
          <a:xfrm>
            <a:off x="165235" y="4702319"/>
            <a:ext cx="8522629" cy="203200"/>
            <a:chOff x="127000" y="4702319"/>
            <a:chExt cx="8522629" cy="203200"/>
          </a:xfrm>
        </p:grpSpPr>
        <p:cxnSp>
          <p:nvCxnSpPr>
            <p:cNvPr id="35" name="OTLSHAPE_T_5f0f2f25543c47048c0d8b34abf16576_HorizontalConnector1">
              <a:extLst>
                <a:ext uri="{FF2B5EF4-FFF2-40B4-BE49-F238E27FC236}">
                  <a16:creationId xmlns:a16="http://schemas.microsoft.com/office/drawing/2014/main" id="{77E5DEE8-3044-476A-B987-97AA2B263AA6}"/>
                </a:ext>
              </a:extLst>
            </p:cNvPr>
            <p:cNvCxnSpPr/>
            <p:nvPr>
              <p:custDataLst>
                <p:tags r:id="rId89"/>
              </p:custDataLst>
            </p:nvPr>
          </p:nvCxnSpPr>
          <p:spPr bwMode="auto">
            <a:xfrm>
              <a:off x="2047409" y="4803919"/>
              <a:ext cx="3960894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91" name="OTLSHAPE_T_5f0f2f25543c47048c0d8b34abf16576_Shape">
              <a:extLst>
                <a:ext uri="{FF2B5EF4-FFF2-40B4-BE49-F238E27FC236}">
                  <a16:creationId xmlns:a16="http://schemas.microsoft.com/office/drawing/2014/main" id="{B29DA26B-43EB-4BCA-BABE-A67D7455B743}"/>
                </a:ext>
              </a:extLst>
            </p:cNvPr>
            <p:cNvSpPr/>
            <p:nvPr>
              <p:custDataLst>
                <p:tags r:id="rId90"/>
              </p:custDataLst>
            </p:nvPr>
          </p:nvSpPr>
          <p:spPr bwMode="auto">
            <a:xfrm>
              <a:off x="6008303" y="4702319"/>
              <a:ext cx="1460500" cy="203200"/>
            </a:xfrm>
            <a:prstGeom prst="roundRect">
              <a:avLst>
                <a:gd name="adj" fmla="val 100000"/>
              </a:avLst>
            </a:prstGeom>
            <a:solidFill>
              <a:srgbClr val="6F3198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97" name="OTLSHAPE_T_5f0f2f25543c47048c0d8b34abf16576_JoinedDate">
              <a:extLst>
                <a:ext uri="{FF2B5EF4-FFF2-40B4-BE49-F238E27FC236}">
                  <a16:creationId xmlns:a16="http://schemas.microsoft.com/office/drawing/2014/main" id="{31B7A8AF-4443-4F22-BA46-F3530862850D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7519329" y="47264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/2561 - 4/30/2561</a:t>
              </a:r>
            </a:p>
          </p:txBody>
        </p:sp>
        <p:sp>
          <p:nvSpPr>
            <p:cNvPr id="98" name="OTLSHAPE_T_5f0f2f25543c47048c0d8b34abf16576_Title">
              <a:extLst>
                <a:ext uri="{FF2B5EF4-FFF2-40B4-BE49-F238E27FC236}">
                  <a16:creationId xmlns:a16="http://schemas.microsoft.com/office/drawing/2014/main" id="{4C07361C-6A04-4EA8-BFBC-043AE75BBF06}"/>
                </a:ext>
              </a:extLst>
            </p:cNvPr>
            <p:cNvSpPr txBox="1"/>
            <p:nvPr>
              <p:custDataLst>
                <p:tags r:id="rId92"/>
              </p:custDataLst>
            </p:nvPr>
          </p:nvSpPr>
          <p:spPr>
            <a:xfrm>
              <a:off x="127000" y="4718660"/>
              <a:ext cx="193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>
                  <a:solidFill>
                    <a:schemeClr val="dk2"/>
                  </a:solidFill>
                  <a:latin typeface="Calibri" panose="020F0502020204030204" pitchFamily="34" charset="0"/>
                </a:rPr>
                <a:t>ปรับปรุงและแก้ไขส่วนที่ผิดพลาด</a:t>
              </a:r>
            </a:p>
          </p:txBody>
        </p:sp>
      </p:grpSp>
      <p:sp>
        <p:nvSpPr>
          <p:cNvPr id="100" name="OTLSHAPE_T_f2738759b30741c1a05502586c9d0e24_ShapePercentage" hidden="1">
            <a:extLst>
              <a:ext uri="{FF2B5EF4-FFF2-40B4-BE49-F238E27FC236}">
                <a16:creationId xmlns:a16="http://schemas.microsoft.com/office/drawing/2014/main" id="{889F7EDC-ABBE-4A11-9AFD-98D8DBBB525F}"/>
              </a:ext>
            </a:extLst>
          </p:cNvPr>
          <p:cNvSpPr/>
          <p:nvPr>
            <p:custDataLst>
              <p:tags r:id="rId71"/>
            </p:custDataLst>
          </p:nvPr>
        </p:nvSpPr>
        <p:spPr bwMode="auto">
          <a:xfrm>
            <a:off x="7468545" y="5865580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1" name="OTLSHAPE_T_f2738759b30741c1a05502586c9d0e24_Duration" hidden="1">
            <a:extLst>
              <a:ext uri="{FF2B5EF4-FFF2-40B4-BE49-F238E27FC236}">
                <a16:creationId xmlns:a16="http://schemas.microsoft.com/office/drawing/2014/main" id="{61B3013D-8FB3-489B-8CF2-78A8F2548D0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812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f2738759b30741c1a05502586c9d0e24_TextPercentage" hidden="1">
            <a:extLst>
              <a:ext uri="{FF2B5EF4-FFF2-40B4-BE49-F238E27FC236}">
                <a16:creationId xmlns:a16="http://schemas.microsoft.com/office/drawing/2014/main" id="{194FB364-97E2-4D26-8858-748BDF162F6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f2738759b30741c1a05502586c9d0e24_StartDate" hidden="1">
            <a:extLst>
              <a:ext uri="{FF2B5EF4-FFF2-40B4-BE49-F238E27FC236}">
                <a16:creationId xmlns:a16="http://schemas.microsoft.com/office/drawing/2014/main" id="{D0CC9628-1C06-475B-877C-0FE40CBAFED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f2738759b30741c1a05502586c9d0e24_EndDate" hidden="1">
            <a:extLst>
              <a:ext uri="{FF2B5EF4-FFF2-40B4-BE49-F238E27FC236}">
                <a16:creationId xmlns:a16="http://schemas.microsoft.com/office/drawing/2014/main" id="{83BD1656-7E81-4035-B046-38ED3C46253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933BA1B8-E21E-423C-AFD4-E7BA45DD1A01}"/>
              </a:ext>
            </a:extLst>
          </p:cNvPr>
          <p:cNvGrpSpPr/>
          <p:nvPr/>
        </p:nvGrpSpPr>
        <p:grpSpPr>
          <a:xfrm>
            <a:off x="165235" y="4969019"/>
            <a:ext cx="8718618" cy="310049"/>
            <a:chOff x="127000" y="4969019"/>
            <a:chExt cx="8718618" cy="310049"/>
          </a:xfrm>
        </p:grpSpPr>
        <p:cxnSp>
          <p:nvCxnSpPr>
            <p:cNvPr id="36" name="OTLSHAPE_T_f2738759b30741c1a05502586c9d0e24_HorizontalConnector1">
              <a:extLst>
                <a:ext uri="{FF2B5EF4-FFF2-40B4-BE49-F238E27FC236}">
                  <a16:creationId xmlns:a16="http://schemas.microsoft.com/office/drawing/2014/main" id="{50310D0F-C3D8-4B70-AA9A-1054F1EB15D1}"/>
                </a:ext>
              </a:extLst>
            </p:cNvPr>
            <p:cNvCxnSpPr/>
            <p:nvPr>
              <p:custDataLst>
                <p:tags r:id="rId85"/>
              </p:custDataLst>
            </p:nvPr>
          </p:nvCxnSpPr>
          <p:spPr bwMode="auto">
            <a:xfrm>
              <a:off x="1301581" y="5124044"/>
              <a:ext cx="6166964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99" name="OTLSHAPE_T_f2738759b30741c1a05502586c9d0e24_Shape">
              <a:extLst>
                <a:ext uri="{FF2B5EF4-FFF2-40B4-BE49-F238E27FC236}">
                  <a16:creationId xmlns:a16="http://schemas.microsoft.com/office/drawing/2014/main" id="{D4D9473C-16EE-4C6A-A638-CB97EE521894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 bwMode="auto">
            <a:xfrm>
              <a:off x="7468545" y="5022444"/>
              <a:ext cx="749300" cy="203200"/>
            </a:xfrm>
            <a:prstGeom prst="roundRect">
              <a:avLst>
                <a:gd name="adj" fmla="val 100000"/>
              </a:avLst>
            </a:prstGeom>
            <a:solidFill>
              <a:schemeClr val="accent4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05" name="OTLSHAPE_T_f2738759b30741c1a05502586c9d0e24_JoinedDate">
              <a:extLst>
                <a:ext uri="{FF2B5EF4-FFF2-40B4-BE49-F238E27FC236}">
                  <a16:creationId xmlns:a16="http://schemas.microsoft.com/office/drawing/2014/main" id="{6C09DB54-7627-4BCD-B77F-9DC7F5F50F57}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8261418" y="4969019"/>
              <a:ext cx="5842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>
                  <a:solidFill>
                    <a:srgbClr val="1F497E"/>
                  </a:solidFill>
                  <a:latin typeface="Calibri" panose="020F0502020204030204" pitchFamily="34" charset="0"/>
                </a:rPr>
                <a:t>5/1/2561 - 5/31/2561</a:t>
              </a:r>
            </a:p>
          </p:txBody>
        </p:sp>
        <p:sp>
          <p:nvSpPr>
            <p:cNvPr id="106" name="OTLSHAPE_T_f2738759b30741c1a05502586c9d0e24_Title">
              <a:extLst>
                <a:ext uri="{FF2B5EF4-FFF2-40B4-BE49-F238E27FC236}">
                  <a16:creationId xmlns:a16="http://schemas.microsoft.com/office/drawing/2014/main" id="{73749AD7-081F-4EFB-A1B2-196EAC0D6B51}"/>
                </a:ext>
              </a:extLst>
            </p:cNvPr>
            <p:cNvSpPr txBox="1"/>
            <p:nvPr>
              <p:custDataLst>
                <p:tags r:id="rId88"/>
              </p:custDataLst>
            </p:nvPr>
          </p:nvSpPr>
          <p:spPr>
            <a:xfrm>
              <a:off x="127000" y="5038784"/>
              <a:ext cx="1181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>
                  <a:solidFill>
                    <a:schemeClr val="dk2"/>
                  </a:solidFill>
                  <a:latin typeface="Calibri" panose="020F0502020204030204" pitchFamily="34" charset="0"/>
                </a:rPr>
                <a:t>สรุปผลของโครงงาน</a:t>
              </a:r>
            </a:p>
          </p:txBody>
        </p:sp>
      </p:grpSp>
      <p:sp>
        <p:nvSpPr>
          <p:cNvPr id="107" name="TextBox 106">
            <a:extLst>
              <a:ext uri="{FF2B5EF4-FFF2-40B4-BE49-F238E27FC236}">
                <a16:creationId xmlns:a16="http://schemas.microsoft.com/office/drawing/2014/main" id="{A023B63E-5003-4B47-938E-431EBD95300D}"/>
              </a:ext>
            </a:extLst>
          </p:cNvPr>
          <p:cNvSpPr txBox="1"/>
          <p:nvPr/>
        </p:nvSpPr>
        <p:spPr>
          <a:xfrm>
            <a:off x="4122532" y="332656"/>
            <a:ext cx="452781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Plan of Project Management</a:t>
            </a:r>
            <a:endParaRPr lang="th-TH" sz="28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08" name="Graphic 107" descr="Pencil">
            <a:extLst>
              <a:ext uri="{FF2B5EF4-FFF2-40B4-BE49-F238E27FC236}">
                <a16:creationId xmlns:a16="http://schemas.microsoft.com/office/drawing/2014/main" id="{DCE007C5-22C7-4AB5-A1CD-501AF7ED374F}"/>
              </a:ext>
            </a:extLst>
          </p:cNvPr>
          <p:cNvPicPr>
            <a:picLocks noChangeAspect="1"/>
          </p:cNvPicPr>
          <p:nvPr/>
        </p:nvPicPr>
        <p:blipFill>
          <a:blip r:embed="rId10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7"/>
              </a:ext>
            </a:extLst>
          </a:blip>
          <a:stretch>
            <a:fillRect/>
          </a:stretch>
        </p:blipFill>
        <p:spPr>
          <a:xfrm>
            <a:off x="8330654" y="-18092"/>
            <a:ext cx="864096" cy="864096"/>
          </a:xfrm>
          <a:prstGeom prst="rect">
            <a:avLst/>
          </a:prstGeom>
        </p:spPr>
      </p:pic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0FF178EF-793A-4E62-9AAE-4B41E184DA0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355976" y="764704"/>
            <a:ext cx="4046686" cy="9292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chemeClr val="tx1">
                <a:lumMod val="50000"/>
              </a:schemeClr>
            </a:solidFill>
            <a:prstDash val="solid"/>
            <a:round/>
            <a:headEnd type="none" w="med" len="med"/>
            <a:tailEnd type="oval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pSp>
        <p:nvGrpSpPr>
          <p:cNvPr id="110" name="Group 109">
            <a:extLst>
              <a:ext uri="{FF2B5EF4-FFF2-40B4-BE49-F238E27FC236}">
                <a16:creationId xmlns:a16="http://schemas.microsoft.com/office/drawing/2014/main" id="{D607A375-A6C3-4D48-BEAE-518EA9AB8DF1}"/>
              </a:ext>
            </a:extLst>
          </p:cNvPr>
          <p:cNvGrpSpPr/>
          <p:nvPr/>
        </p:nvGrpSpPr>
        <p:grpSpPr>
          <a:xfrm>
            <a:off x="165235" y="3102119"/>
            <a:ext cx="3447690" cy="203200"/>
            <a:chOff x="127000" y="3102119"/>
            <a:chExt cx="3447690" cy="203200"/>
          </a:xfrm>
        </p:grpSpPr>
        <p:sp>
          <p:nvSpPr>
            <p:cNvPr id="43" name="OTLSHAPE_T_2d346210d30c41b487ee60270b0d2bcf_Shape">
              <a:extLst>
                <a:ext uri="{FF2B5EF4-FFF2-40B4-BE49-F238E27FC236}">
                  <a16:creationId xmlns:a16="http://schemas.microsoft.com/office/drawing/2014/main" id="{E6F22922-0DF6-4EC5-B689-E7CBA58911F7}"/>
                </a:ext>
              </a:extLst>
            </p:cNvPr>
            <p:cNvSpPr/>
            <p:nvPr>
              <p:custDataLst>
                <p:tags r:id="rId82"/>
              </p:custDataLst>
            </p:nvPr>
          </p:nvSpPr>
          <p:spPr bwMode="auto">
            <a:xfrm>
              <a:off x="933365" y="3102119"/>
              <a:ext cx="1460500" cy="203200"/>
            </a:xfrm>
            <a:prstGeom prst="roundRect">
              <a:avLst>
                <a:gd name="adj" fmla="val 100000"/>
              </a:avLst>
            </a:prstGeom>
            <a:solidFill>
              <a:srgbClr val="FEBA0A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49" name="OTLSHAPE_T_2d346210d30c41b487ee60270b0d2bcf_JoinedDate">
              <a:extLst>
                <a:ext uri="{FF2B5EF4-FFF2-40B4-BE49-F238E27FC236}">
                  <a16:creationId xmlns:a16="http://schemas.microsoft.com/office/drawing/2014/main" id="{62454D04-8A4C-4449-BA19-1DCFF60C81C2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2444390" y="31262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 dirty="0">
                  <a:solidFill>
                    <a:srgbClr val="1F497E"/>
                  </a:solidFill>
                  <a:latin typeface="Calibri" panose="020F0502020204030204" pitchFamily="34" charset="0"/>
                </a:rPr>
                <a:t>8/1/2560 - 9/30/2560</a:t>
              </a:r>
            </a:p>
          </p:txBody>
        </p:sp>
        <p:sp>
          <p:nvSpPr>
            <p:cNvPr id="50" name="OTLSHAPE_T_2d346210d30c41b487ee60270b0d2bcf_Title">
              <a:extLst>
                <a:ext uri="{FF2B5EF4-FFF2-40B4-BE49-F238E27FC236}">
                  <a16:creationId xmlns:a16="http://schemas.microsoft.com/office/drawing/2014/main" id="{5E5E2B26-0022-4FA9-A061-36DEE58A9019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127000" y="3115750"/>
              <a:ext cx="2336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กำหนดขอบเขตและเสนอหัวข้อโครงงาน</a:t>
              </a:r>
            </a:p>
          </p:txBody>
        </p:sp>
      </p:grpSp>
      <p:grpSp>
        <p:nvGrpSpPr>
          <p:cNvPr id="111" name="Group 110">
            <a:extLst>
              <a:ext uri="{FF2B5EF4-FFF2-40B4-BE49-F238E27FC236}">
                <a16:creationId xmlns:a16="http://schemas.microsoft.com/office/drawing/2014/main" id="{675E7CDF-A393-4464-A493-58CE37EA78AE}"/>
              </a:ext>
            </a:extLst>
          </p:cNvPr>
          <p:cNvGrpSpPr/>
          <p:nvPr/>
        </p:nvGrpSpPr>
        <p:grpSpPr>
          <a:xfrm>
            <a:off x="165235" y="3368819"/>
            <a:ext cx="4265980" cy="203200"/>
            <a:chOff x="127000" y="3368819"/>
            <a:chExt cx="4265980" cy="203200"/>
          </a:xfrm>
        </p:grpSpPr>
        <p:sp>
          <p:nvSpPr>
            <p:cNvPr id="51" name="OTLSHAPE_T_c03a7254671e4aea970a21b4426c5246_Shape">
              <a:extLst>
                <a:ext uri="{FF2B5EF4-FFF2-40B4-BE49-F238E27FC236}">
                  <a16:creationId xmlns:a16="http://schemas.microsoft.com/office/drawing/2014/main" id="{3CAC919C-615D-45CB-8BE8-7798D652566D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 bwMode="auto">
            <a:xfrm>
              <a:off x="1675455" y="3368819"/>
              <a:ext cx="1460500" cy="203200"/>
            </a:xfrm>
            <a:prstGeom prst="roundRect">
              <a:avLst>
                <a:gd name="adj" fmla="val 100000"/>
              </a:avLst>
            </a:prstGeom>
            <a:solidFill>
              <a:srgbClr val="1AAA42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57" name="OTLSHAPE_T_c03a7254671e4aea970a21b4426c5246_JoinedDate">
              <a:extLst>
                <a:ext uri="{FF2B5EF4-FFF2-40B4-BE49-F238E27FC236}">
                  <a16:creationId xmlns:a16="http://schemas.microsoft.com/office/drawing/2014/main" id="{B1145E20-0460-4065-8437-9DD19F4A555C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3186480" y="3392907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8" dirty="0">
                  <a:solidFill>
                    <a:srgbClr val="1F497E"/>
                  </a:solidFill>
                  <a:latin typeface="Calibri" panose="020F0502020204030204" pitchFamily="34" charset="0"/>
                </a:rPr>
                <a:t>9/1/2560 - 10/31/2560</a:t>
              </a:r>
            </a:p>
          </p:txBody>
        </p:sp>
        <p:sp>
          <p:nvSpPr>
            <p:cNvPr id="58" name="OTLSHAPE_T_c03a7254671e4aea970a21b4426c5246_Title">
              <a:extLst>
                <a:ext uri="{FF2B5EF4-FFF2-40B4-BE49-F238E27FC236}">
                  <a16:creationId xmlns:a16="http://schemas.microsoft.com/office/drawing/2014/main" id="{C0B55DFA-021B-4D57-84D6-4522FAB3E171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127000" y="3385160"/>
              <a:ext cx="355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ศึกษากระบวนการวิเคราะห์ความต้องการของผู้ใช้</a:t>
              </a:r>
            </a:p>
          </p:txBody>
        </p:sp>
      </p:grp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7DD4BC19-4F52-4D6D-8379-2B2511DA2C57}"/>
              </a:ext>
            </a:extLst>
          </p:cNvPr>
          <p:cNvGrpSpPr/>
          <p:nvPr/>
        </p:nvGrpSpPr>
        <p:grpSpPr>
          <a:xfrm>
            <a:off x="165235" y="3635519"/>
            <a:ext cx="4984132" cy="203200"/>
            <a:chOff x="127000" y="3635519"/>
            <a:chExt cx="4984132" cy="203200"/>
          </a:xfrm>
        </p:grpSpPr>
        <p:sp>
          <p:nvSpPr>
            <p:cNvPr id="59" name="OTLSHAPE_T_49118ee4ec454f81a4f046fe0f354822_Shape">
              <a:extLst>
                <a:ext uri="{FF2B5EF4-FFF2-40B4-BE49-F238E27FC236}">
                  <a16:creationId xmlns:a16="http://schemas.microsoft.com/office/drawing/2014/main" id="{5EBC605C-C499-41B3-AFD9-026C399AD820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 bwMode="auto">
            <a:xfrm>
              <a:off x="1675455" y="3635519"/>
              <a:ext cx="2184400" cy="203200"/>
            </a:xfrm>
            <a:prstGeom prst="roundRect">
              <a:avLst>
                <a:gd name="adj" fmla="val 100000"/>
              </a:avLst>
            </a:prstGeom>
            <a:solidFill>
              <a:srgbClr val="02B2EE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65" name="OTLSHAPE_T_49118ee4ec454f81a4f046fe0f354822_JoinedDate">
              <a:extLst>
                <a:ext uri="{FF2B5EF4-FFF2-40B4-BE49-F238E27FC236}">
                  <a16:creationId xmlns:a16="http://schemas.microsoft.com/office/drawing/2014/main" id="{F9BB6DBA-49CC-423C-8E64-B6507C4EB43C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3904632" y="3659607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4" dirty="0">
                  <a:solidFill>
                    <a:srgbClr val="1F497E"/>
                  </a:solidFill>
                  <a:latin typeface="Calibri" panose="020F0502020204030204" pitchFamily="34" charset="0"/>
                </a:rPr>
                <a:t>9/1/2560 - 11/30/2560</a:t>
              </a:r>
            </a:p>
          </p:txBody>
        </p:sp>
        <p:sp>
          <p:nvSpPr>
            <p:cNvPr id="66" name="OTLSHAPE_T_49118ee4ec454f81a4f046fe0f354822_Title">
              <a:extLst>
                <a:ext uri="{FF2B5EF4-FFF2-40B4-BE49-F238E27FC236}">
                  <a16:creationId xmlns:a16="http://schemas.microsoft.com/office/drawing/2014/main" id="{928CC947-9ACB-4CC8-B18C-2229BF719A9A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127000" y="3651860"/>
              <a:ext cx="3632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ศึกษาโครงสร้างของฐานข้อมูลที่ใช้ในการบันทึกข้อมูล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004339073"/>
      </p:ext>
    </p:extLst>
  </p:cSld>
  <p:clrMapOvr>
    <a:masterClrMapping/>
  </p:clrMapOvr>
  <p:transition spd="slow">
    <p:wip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" name="Flowchart: Alternate Process 128">
            <a:extLst>
              <a:ext uri="{FF2B5EF4-FFF2-40B4-BE49-F238E27FC236}">
                <a16:creationId xmlns:a16="http://schemas.microsoft.com/office/drawing/2014/main" id="{12B7A1DB-15B5-4F46-B7DB-ED348CA824F0}"/>
              </a:ext>
            </a:extLst>
          </p:cNvPr>
          <p:cNvSpPr/>
          <p:nvPr/>
        </p:nvSpPr>
        <p:spPr bwMode="auto">
          <a:xfrm>
            <a:off x="395536" y="1335745"/>
            <a:ext cx="8208912" cy="5405624"/>
          </a:xfrm>
          <a:custGeom>
            <a:avLst/>
            <a:gdLst>
              <a:gd name="connsiteX0" fmla="*/ 0 w 8208912"/>
              <a:gd name="connsiteY0" fmla="*/ 912939 h 5477632"/>
              <a:gd name="connsiteX1" fmla="*/ 912939 w 8208912"/>
              <a:gd name="connsiteY1" fmla="*/ 0 h 5477632"/>
              <a:gd name="connsiteX2" fmla="*/ 7295973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912939 w 8208912"/>
              <a:gd name="connsiteY6" fmla="*/ 5477632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77632"/>
              <a:gd name="connsiteX1" fmla="*/ 522414 w 8208912"/>
              <a:gd name="connsiteY1" fmla="*/ 9525 h 5477632"/>
              <a:gd name="connsiteX2" fmla="*/ 7295973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912939 w 8208912"/>
              <a:gd name="connsiteY6" fmla="*/ 5477632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77632"/>
              <a:gd name="connsiteX1" fmla="*/ 522414 w 8208912"/>
              <a:gd name="connsiteY1" fmla="*/ 9525 h 5477632"/>
              <a:gd name="connsiteX2" fmla="*/ 7572198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912939 w 8208912"/>
              <a:gd name="connsiteY6" fmla="*/ 5477632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77632"/>
              <a:gd name="connsiteX1" fmla="*/ 522414 w 8208912"/>
              <a:gd name="connsiteY1" fmla="*/ 9525 h 5477632"/>
              <a:gd name="connsiteX2" fmla="*/ 7572198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608139 w 8208912"/>
              <a:gd name="connsiteY6" fmla="*/ 5468107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87157"/>
              <a:gd name="connsiteX1" fmla="*/ 522414 w 8208912"/>
              <a:gd name="connsiteY1" fmla="*/ 9525 h 5487157"/>
              <a:gd name="connsiteX2" fmla="*/ 7572198 w 8208912"/>
              <a:gd name="connsiteY2" fmla="*/ 0 h 5487157"/>
              <a:gd name="connsiteX3" fmla="*/ 8208912 w 8208912"/>
              <a:gd name="connsiteY3" fmla="*/ 912939 h 5487157"/>
              <a:gd name="connsiteX4" fmla="*/ 8208912 w 8208912"/>
              <a:gd name="connsiteY4" fmla="*/ 4564693 h 5487157"/>
              <a:gd name="connsiteX5" fmla="*/ 7534098 w 8208912"/>
              <a:gd name="connsiteY5" fmla="*/ 5487157 h 5487157"/>
              <a:gd name="connsiteX6" fmla="*/ 608139 w 8208912"/>
              <a:gd name="connsiteY6" fmla="*/ 5468107 h 5487157"/>
              <a:gd name="connsiteX7" fmla="*/ 0 w 8208912"/>
              <a:gd name="connsiteY7" fmla="*/ 4564693 h 5487157"/>
              <a:gd name="connsiteX8" fmla="*/ 0 w 8208912"/>
              <a:gd name="connsiteY8" fmla="*/ 912939 h 5487157"/>
              <a:gd name="connsiteX0" fmla="*/ 0 w 8208912"/>
              <a:gd name="connsiteY0" fmla="*/ 912939 h 5487157"/>
              <a:gd name="connsiteX1" fmla="*/ 608139 w 8208912"/>
              <a:gd name="connsiteY1" fmla="*/ 9525 h 5487157"/>
              <a:gd name="connsiteX2" fmla="*/ 7572198 w 8208912"/>
              <a:gd name="connsiteY2" fmla="*/ 0 h 5487157"/>
              <a:gd name="connsiteX3" fmla="*/ 8208912 w 8208912"/>
              <a:gd name="connsiteY3" fmla="*/ 912939 h 5487157"/>
              <a:gd name="connsiteX4" fmla="*/ 8208912 w 8208912"/>
              <a:gd name="connsiteY4" fmla="*/ 4564693 h 5487157"/>
              <a:gd name="connsiteX5" fmla="*/ 7534098 w 8208912"/>
              <a:gd name="connsiteY5" fmla="*/ 5487157 h 5487157"/>
              <a:gd name="connsiteX6" fmla="*/ 608139 w 8208912"/>
              <a:gd name="connsiteY6" fmla="*/ 5468107 h 5487157"/>
              <a:gd name="connsiteX7" fmla="*/ 0 w 8208912"/>
              <a:gd name="connsiteY7" fmla="*/ 4564693 h 5487157"/>
              <a:gd name="connsiteX8" fmla="*/ 0 w 8208912"/>
              <a:gd name="connsiteY8" fmla="*/ 912939 h 5487157"/>
              <a:gd name="connsiteX0" fmla="*/ 0 w 8208912"/>
              <a:gd name="connsiteY0" fmla="*/ 912939 h 5487157"/>
              <a:gd name="connsiteX1" fmla="*/ 589089 w 8208912"/>
              <a:gd name="connsiteY1" fmla="*/ 19050 h 5487157"/>
              <a:gd name="connsiteX2" fmla="*/ 7572198 w 8208912"/>
              <a:gd name="connsiteY2" fmla="*/ 0 h 5487157"/>
              <a:gd name="connsiteX3" fmla="*/ 8208912 w 8208912"/>
              <a:gd name="connsiteY3" fmla="*/ 912939 h 5487157"/>
              <a:gd name="connsiteX4" fmla="*/ 8208912 w 8208912"/>
              <a:gd name="connsiteY4" fmla="*/ 4564693 h 5487157"/>
              <a:gd name="connsiteX5" fmla="*/ 7534098 w 8208912"/>
              <a:gd name="connsiteY5" fmla="*/ 5487157 h 5487157"/>
              <a:gd name="connsiteX6" fmla="*/ 608139 w 8208912"/>
              <a:gd name="connsiteY6" fmla="*/ 5468107 h 5487157"/>
              <a:gd name="connsiteX7" fmla="*/ 0 w 8208912"/>
              <a:gd name="connsiteY7" fmla="*/ 4564693 h 5487157"/>
              <a:gd name="connsiteX8" fmla="*/ 0 w 8208912"/>
              <a:gd name="connsiteY8" fmla="*/ 912939 h 54871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208912" h="5487157">
                <a:moveTo>
                  <a:pt x="0" y="912939"/>
                </a:moveTo>
                <a:cubicBezTo>
                  <a:pt x="0" y="408737"/>
                  <a:pt x="84887" y="19050"/>
                  <a:pt x="589089" y="19050"/>
                </a:cubicBezTo>
                <a:lnTo>
                  <a:pt x="7572198" y="0"/>
                </a:lnTo>
                <a:cubicBezTo>
                  <a:pt x="8076400" y="0"/>
                  <a:pt x="8208912" y="408737"/>
                  <a:pt x="8208912" y="912939"/>
                </a:cubicBezTo>
                <a:lnTo>
                  <a:pt x="8208912" y="4564693"/>
                </a:lnTo>
                <a:cubicBezTo>
                  <a:pt x="8208912" y="5068895"/>
                  <a:pt x="8038300" y="5487157"/>
                  <a:pt x="7534098" y="5487157"/>
                </a:cubicBezTo>
                <a:lnTo>
                  <a:pt x="608139" y="5468107"/>
                </a:lnTo>
                <a:cubicBezTo>
                  <a:pt x="103937" y="5468107"/>
                  <a:pt x="0" y="5068895"/>
                  <a:pt x="0" y="4564693"/>
                </a:cubicBezTo>
                <a:lnTo>
                  <a:pt x="0" y="912939"/>
                </a:lnTo>
                <a:close/>
              </a:path>
            </a:pathLst>
          </a:custGeom>
          <a:solidFill>
            <a:srgbClr val="CEF3FE">
              <a:alpha val="34000"/>
            </a:srgbClr>
          </a:solidFill>
          <a:ln w="95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44" name="OTLSHAPE_T_2d346210d30c41b487ee60270b0d2bcf_ShapePercentage" hidden="1">
            <a:extLst>
              <a:ext uri="{FF2B5EF4-FFF2-40B4-BE49-F238E27FC236}">
                <a16:creationId xmlns:a16="http://schemas.microsoft.com/office/drawing/2014/main" id="{04329469-9F16-43CF-915D-5D98DAD0E047}"/>
              </a:ext>
            </a:extLst>
          </p:cNvPr>
          <p:cNvSpPr/>
          <p:nvPr>
            <p:custDataLst>
              <p:tags r:id="rId2"/>
            </p:custDataLst>
          </p:nvPr>
        </p:nvSpPr>
        <p:spPr bwMode="auto">
          <a:xfrm>
            <a:off x="933365" y="39452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5" name="OTLSHAPE_T_2d346210d30c41b487ee60270b0d2bcf_Duration" hidden="1">
            <a:extLst>
              <a:ext uri="{FF2B5EF4-FFF2-40B4-BE49-F238E27FC236}">
                <a16:creationId xmlns:a16="http://schemas.microsoft.com/office/drawing/2014/main" id="{B20E7342-0219-4322-9E3E-3EFA235A17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d346210d30c41b487ee60270b0d2bcf_TextPercentage" hidden="1">
            <a:extLst>
              <a:ext uri="{FF2B5EF4-FFF2-40B4-BE49-F238E27FC236}">
                <a16:creationId xmlns:a16="http://schemas.microsoft.com/office/drawing/2014/main" id="{7F83C51E-1084-497A-8DF9-382BB7D24F1F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2d346210d30c41b487ee60270b0d2bcf_StartDate" hidden="1">
            <a:extLst>
              <a:ext uri="{FF2B5EF4-FFF2-40B4-BE49-F238E27FC236}">
                <a16:creationId xmlns:a16="http://schemas.microsoft.com/office/drawing/2014/main" id="{7A40141D-3DF8-4301-933B-D0DB00E088F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2d346210d30c41b487ee60270b0d2bcf_EndDate" hidden="1">
            <a:extLst>
              <a:ext uri="{FF2B5EF4-FFF2-40B4-BE49-F238E27FC236}">
                <a16:creationId xmlns:a16="http://schemas.microsoft.com/office/drawing/2014/main" id="{7F9F490C-890F-4E95-9336-B63C872F60D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c03a7254671e4aea970a21b4426c5246_ShapePercentage" hidden="1">
            <a:extLst>
              <a:ext uri="{FF2B5EF4-FFF2-40B4-BE49-F238E27FC236}">
                <a16:creationId xmlns:a16="http://schemas.microsoft.com/office/drawing/2014/main" id="{B4F6254F-E47E-4029-8CF4-5531C16A4299}"/>
              </a:ext>
            </a:extLst>
          </p:cNvPr>
          <p:cNvSpPr/>
          <p:nvPr>
            <p:custDataLst>
              <p:tags r:id="rId7"/>
            </p:custDataLst>
          </p:nvPr>
        </p:nvSpPr>
        <p:spPr bwMode="auto">
          <a:xfrm>
            <a:off x="1675455" y="42119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3" name="OTLSHAPE_T_c03a7254671e4aea970a21b4426c5246_Duration" hidden="1">
            <a:extLst>
              <a:ext uri="{FF2B5EF4-FFF2-40B4-BE49-F238E27FC236}">
                <a16:creationId xmlns:a16="http://schemas.microsoft.com/office/drawing/2014/main" id="{CE2AD082-FB30-4E7A-A28A-127431E036F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c03a7254671e4aea970a21b4426c5246_TextPercentage" hidden="1">
            <a:extLst>
              <a:ext uri="{FF2B5EF4-FFF2-40B4-BE49-F238E27FC236}">
                <a16:creationId xmlns:a16="http://schemas.microsoft.com/office/drawing/2014/main" id="{39B2437D-F4C0-4B70-AAAA-CA0917D795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c03a7254671e4aea970a21b4426c5246_StartDate" hidden="1">
            <a:extLst>
              <a:ext uri="{FF2B5EF4-FFF2-40B4-BE49-F238E27FC236}">
                <a16:creationId xmlns:a16="http://schemas.microsoft.com/office/drawing/2014/main" id="{81DB0B29-AB03-4E49-906C-5D59EBC066D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c03a7254671e4aea970a21b4426c5246_EndDate" hidden="1">
            <a:extLst>
              <a:ext uri="{FF2B5EF4-FFF2-40B4-BE49-F238E27FC236}">
                <a16:creationId xmlns:a16="http://schemas.microsoft.com/office/drawing/2014/main" id="{5533AEEA-3BE8-4E44-B1D9-99EA77C60F9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49118ee4ec454f81a4f046fe0f354822_ShapePercentage" hidden="1">
            <a:extLst>
              <a:ext uri="{FF2B5EF4-FFF2-40B4-BE49-F238E27FC236}">
                <a16:creationId xmlns:a16="http://schemas.microsoft.com/office/drawing/2014/main" id="{788A22B3-1A19-4B8E-9F86-E0CBA383564A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1675455" y="44786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1" name="OTLSHAPE_T_49118ee4ec454f81a4f046fe0f354822_Duration" hidden="1">
            <a:extLst>
              <a:ext uri="{FF2B5EF4-FFF2-40B4-BE49-F238E27FC236}">
                <a16:creationId xmlns:a16="http://schemas.microsoft.com/office/drawing/2014/main" id="{3209F027-E19D-4D88-BCE8-82817785ACBE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9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49118ee4ec454f81a4f046fe0f354822_TextPercentage" hidden="1">
            <a:extLst>
              <a:ext uri="{FF2B5EF4-FFF2-40B4-BE49-F238E27FC236}">
                <a16:creationId xmlns:a16="http://schemas.microsoft.com/office/drawing/2014/main" id="{41A6073F-099B-4997-939F-50E4BD08C9A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9118ee4ec454f81a4f046fe0f354822_StartDate" hidden="1">
            <a:extLst>
              <a:ext uri="{FF2B5EF4-FFF2-40B4-BE49-F238E27FC236}">
                <a16:creationId xmlns:a16="http://schemas.microsoft.com/office/drawing/2014/main" id="{0A075A20-7A15-40AE-84D9-052D844666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9118ee4ec454f81a4f046fe0f354822_EndDate" hidden="1">
            <a:extLst>
              <a:ext uri="{FF2B5EF4-FFF2-40B4-BE49-F238E27FC236}">
                <a16:creationId xmlns:a16="http://schemas.microsoft.com/office/drawing/2014/main" id="{B850B73C-977F-4BE7-8080-FB2524C0641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35094edf90ed4861b9b2abf242a3a5b0_ShapePercentage" hidden="1">
            <a:extLst>
              <a:ext uri="{FF2B5EF4-FFF2-40B4-BE49-F238E27FC236}">
                <a16:creationId xmlns:a16="http://schemas.microsoft.com/office/drawing/2014/main" id="{56BEA265-E861-465D-8C0B-1FE43F5174EC}"/>
              </a:ext>
            </a:extLst>
          </p:cNvPr>
          <p:cNvSpPr/>
          <p:nvPr>
            <p:custDataLst>
              <p:tags r:id="rId17"/>
            </p:custDataLst>
          </p:nvPr>
        </p:nvSpPr>
        <p:spPr bwMode="auto">
          <a:xfrm>
            <a:off x="3135697" y="47453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9" name="OTLSHAPE_T_35094edf90ed4861b9b2abf242a3a5b0_Duration" hidden="1">
            <a:extLst>
              <a:ext uri="{FF2B5EF4-FFF2-40B4-BE49-F238E27FC236}">
                <a16:creationId xmlns:a16="http://schemas.microsoft.com/office/drawing/2014/main" id="{7B768FDE-7220-40EA-B14F-6921CDB1AD8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47453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35094edf90ed4861b9b2abf242a3a5b0_TextPercentage" hidden="1">
            <a:extLst>
              <a:ext uri="{FF2B5EF4-FFF2-40B4-BE49-F238E27FC236}">
                <a16:creationId xmlns:a16="http://schemas.microsoft.com/office/drawing/2014/main" id="{963941C0-3E76-4E8E-A60F-DBF3365F431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35094edf90ed4861b9b2abf242a3a5b0_StartDate" hidden="1">
            <a:extLst>
              <a:ext uri="{FF2B5EF4-FFF2-40B4-BE49-F238E27FC236}">
                <a16:creationId xmlns:a16="http://schemas.microsoft.com/office/drawing/2014/main" id="{716AD3DF-1563-4B8F-BD34-7C3CA85F677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35094edf90ed4861b9b2abf242a3a5b0_EndDate" hidden="1">
            <a:extLst>
              <a:ext uri="{FF2B5EF4-FFF2-40B4-BE49-F238E27FC236}">
                <a16:creationId xmlns:a16="http://schemas.microsoft.com/office/drawing/2014/main" id="{ED746238-CC7F-459F-8356-FB998EEC23C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166e2b33dbea4d3a9a3cc1dd495db467_ShapePercentage" hidden="1">
            <a:extLst>
              <a:ext uri="{FF2B5EF4-FFF2-40B4-BE49-F238E27FC236}">
                <a16:creationId xmlns:a16="http://schemas.microsoft.com/office/drawing/2014/main" id="{F4AEF5AA-2E27-4C5A-B9B5-A835D0AC5394}"/>
              </a:ext>
            </a:extLst>
          </p:cNvPr>
          <p:cNvSpPr/>
          <p:nvPr>
            <p:custDataLst>
              <p:tags r:id="rId22"/>
            </p:custDataLst>
          </p:nvPr>
        </p:nvSpPr>
        <p:spPr bwMode="auto">
          <a:xfrm>
            <a:off x="5338028" y="50120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7" name="OTLSHAPE_T_166e2b33dbea4d3a9a3cc1dd495db467_Duration" hidden="1">
            <a:extLst>
              <a:ext uri="{FF2B5EF4-FFF2-40B4-BE49-F238E27FC236}">
                <a16:creationId xmlns:a16="http://schemas.microsoft.com/office/drawing/2014/main" id="{8471A490-2336-408A-9B56-AC26FD83206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166e2b33dbea4d3a9a3cc1dd495db467_TextPercentage" hidden="1">
            <a:extLst>
              <a:ext uri="{FF2B5EF4-FFF2-40B4-BE49-F238E27FC236}">
                <a16:creationId xmlns:a16="http://schemas.microsoft.com/office/drawing/2014/main" id="{C2F7B1A4-9CCC-4C7E-A023-E21F042EAFA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166e2b33dbea4d3a9a3cc1dd495db467_StartDate" hidden="1">
            <a:extLst>
              <a:ext uri="{FF2B5EF4-FFF2-40B4-BE49-F238E27FC236}">
                <a16:creationId xmlns:a16="http://schemas.microsoft.com/office/drawing/2014/main" id="{6A0A2006-9ED0-45ED-AA7C-A1A410A8AB3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166e2b33dbea4d3a9a3cc1dd495db467_EndDate" hidden="1">
            <a:extLst>
              <a:ext uri="{FF2B5EF4-FFF2-40B4-BE49-F238E27FC236}">
                <a16:creationId xmlns:a16="http://schemas.microsoft.com/office/drawing/2014/main" id="{A550888A-E8AB-47A7-B1F0-FB29EB95AC3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696e72d6b71a4896876ecbf503b8f200_ShapePercentage" hidden="1">
            <a:extLst>
              <a:ext uri="{FF2B5EF4-FFF2-40B4-BE49-F238E27FC236}">
                <a16:creationId xmlns:a16="http://schemas.microsoft.com/office/drawing/2014/main" id="{CB1385C6-C2DF-4C09-A06F-C6D53ED6FF50}"/>
              </a:ext>
            </a:extLst>
          </p:cNvPr>
          <p:cNvSpPr/>
          <p:nvPr>
            <p:custDataLst>
              <p:tags r:id="rId27"/>
            </p:custDataLst>
          </p:nvPr>
        </p:nvSpPr>
        <p:spPr bwMode="auto">
          <a:xfrm>
            <a:off x="5338028" y="52787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5" name="OTLSHAPE_T_696e72d6b71a4896876ecbf503b8f200_Duration" hidden="1">
            <a:extLst>
              <a:ext uri="{FF2B5EF4-FFF2-40B4-BE49-F238E27FC236}">
                <a16:creationId xmlns:a16="http://schemas.microsoft.com/office/drawing/2014/main" id="{CB0DDA88-2267-447F-A1AD-5D3CD8BF93E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696e72d6b71a4896876ecbf503b8f200_TextPercentage" hidden="1">
            <a:extLst>
              <a:ext uri="{FF2B5EF4-FFF2-40B4-BE49-F238E27FC236}">
                <a16:creationId xmlns:a16="http://schemas.microsoft.com/office/drawing/2014/main" id="{7A47597A-8386-4F75-AF45-E9C2D6BDBFB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696e72d6b71a4896876ecbf503b8f200_StartDate" hidden="1">
            <a:extLst>
              <a:ext uri="{FF2B5EF4-FFF2-40B4-BE49-F238E27FC236}">
                <a16:creationId xmlns:a16="http://schemas.microsoft.com/office/drawing/2014/main" id="{1FC6584F-1F22-43D3-BD8C-3914ED81D60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696e72d6b71a4896876ecbf503b8f200_EndDate" hidden="1">
            <a:extLst>
              <a:ext uri="{FF2B5EF4-FFF2-40B4-BE49-F238E27FC236}">
                <a16:creationId xmlns:a16="http://schemas.microsoft.com/office/drawing/2014/main" id="{AEE77271-1A55-4E64-A84D-E08A37FCBAA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5f0f2f25543c47048c0d8b34abf16576_ShapePercentage" hidden="1">
            <a:extLst>
              <a:ext uri="{FF2B5EF4-FFF2-40B4-BE49-F238E27FC236}">
                <a16:creationId xmlns:a16="http://schemas.microsoft.com/office/drawing/2014/main" id="{4F5BC518-8C29-47BF-A386-55AB5EF31DCE}"/>
              </a:ext>
            </a:extLst>
          </p:cNvPr>
          <p:cNvSpPr/>
          <p:nvPr>
            <p:custDataLst>
              <p:tags r:id="rId32"/>
            </p:custDataLst>
          </p:nvPr>
        </p:nvSpPr>
        <p:spPr bwMode="auto">
          <a:xfrm>
            <a:off x="6008303" y="55454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93" name="OTLSHAPE_T_5f0f2f25543c47048c0d8b34abf16576_Duration" hidden="1">
            <a:extLst>
              <a:ext uri="{FF2B5EF4-FFF2-40B4-BE49-F238E27FC236}">
                <a16:creationId xmlns:a16="http://schemas.microsoft.com/office/drawing/2014/main" id="{0D77BD1D-C2FF-46A3-B8FD-C5A00550216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5545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5f0f2f25543c47048c0d8b34abf16576_TextPercentage" hidden="1">
            <a:extLst>
              <a:ext uri="{FF2B5EF4-FFF2-40B4-BE49-F238E27FC236}">
                <a16:creationId xmlns:a16="http://schemas.microsoft.com/office/drawing/2014/main" id="{107E87B6-2145-4508-97C9-6B9743FA233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5f0f2f25543c47048c0d8b34abf16576_StartDate" hidden="1">
            <a:extLst>
              <a:ext uri="{FF2B5EF4-FFF2-40B4-BE49-F238E27FC236}">
                <a16:creationId xmlns:a16="http://schemas.microsoft.com/office/drawing/2014/main" id="{5F276869-85D6-4D61-AC84-E5FB54B0DE7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f0f2f25543c47048c0d8b34abf16576_EndDate" hidden="1">
            <a:extLst>
              <a:ext uri="{FF2B5EF4-FFF2-40B4-BE49-F238E27FC236}">
                <a16:creationId xmlns:a16="http://schemas.microsoft.com/office/drawing/2014/main" id="{FC44B0A7-17C0-4885-8E75-67FC215E305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f2738759b30741c1a05502586c9d0e24_ShapePercentage" hidden="1">
            <a:extLst>
              <a:ext uri="{FF2B5EF4-FFF2-40B4-BE49-F238E27FC236}">
                <a16:creationId xmlns:a16="http://schemas.microsoft.com/office/drawing/2014/main" id="{889F7EDC-ABBE-4A11-9AFD-98D8DBBB525F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>
            <a:off x="7468545" y="5865580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1" name="OTLSHAPE_T_f2738759b30741c1a05502586c9d0e24_Duration" hidden="1">
            <a:extLst>
              <a:ext uri="{FF2B5EF4-FFF2-40B4-BE49-F238E27FC236}">
                <a16:creationId xmlns:a16="http://schemas.microsoft.com/office/drawing/2014/main" id="{61B3013D-8FB3-489B-8CF2-78A8F2548D0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5812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f2738759b30741c1a05502586c9d0e24_TextPercentage" hidden="1">
            <a:extLst>
              <a:ext uri="{FF2B5EF4-FFF2-40B4-BE49-F238E27FC236}">
                <a16:creationId xmlns:a16="http://schemas.microsoft.com/office/drawing/2014/main" id="{194FB364-97E2-4D26-8858-748BDF162F6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f2738759b30741c1a05502586c9d0e24_StartDate" hidden="1">
            <a:extLst>
              <a:ext uri="{FF2B5EF4-FFF2-40B4-BE49-F238E27FC236}">
                <a16:creationId xmlns:a16="http://schemas.microsoft.com/office/drawing/2014/main" id="{D0CC9628-1C06-475B-877C-0FE40CBAFED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f2738759b30741c1a05502586c9d0e24_EndDate" hidden="1">
            <a:extLst>
              <a:ext uri="{FF2B5EF4-FFF2-40B4-BE49-F238E27FC236}">
                <a16:creationId xmlns:a16="http://schemas.microsoft.com/office/drawing/2014/main" id="{83BD1656-7E81-4035-B046-38ED3C46253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Freeform: Shape 125">
            <a:extLst>
              <a:ext uri="{FF2B5EF4-FFF2-40B4-BE49-F238E27FC236}">
                <a16:creationId xmlns:a16="http://schemas.microsoft.com/office/drawing/2014/main" id="{2EBAFD0D-8C2C-421D-9EA4-3B675B9C0BD8}"/>
              </a:ext>
            </a:extLst>
          </p:cNvPr>
          <p:cNvSpPr/>
          <p:nvPr/>
        </p:nvSpPr>
        <p:spPr>
          <a:xfrm>
            <a:off x="683567" y="1556792"/>
            <a:ext cx="3298129" cy="2361862"/>
          </a:xfrm>
          <a:custGeom>
            <a:avLst/>
            <a:gdLst>
              <a:gd name="connsiteX0" fmla="*/ 0 w 2952328"/>
              <a:gd name="connsiteY0" fmla="*/ 236186 h 2361862"/>
              <a:gd name="connsiteX1" fmla="*/ 236186 w 2952328"/>
              <a:gd name="connsiteY1" fmla="*/ 0 h 2361862"/>
              <a:gd name="connsiteX2" fmla="*/ 2716142 w 2952328"/>
              <a:gd name="connsiteY2" fmla="*/ 0 h 2361862"/>
              <a:gd name="connsiteX3" fmla="*/ 2952328 w 2952328"/>
              <a:gd name="connsiteY3" fmla="*/ 236186 h 2361862"/>
              <a:gd name="connsiteX4" fmla="*/ 2952328 w 2952328"/>
              <a:gd name="connsiteY4" fmla="*/ 2125676 h 2361862"/>
              <a:gd name="connsiteX5" fmla="*/ 2716142 w 2952328"/>
              <a:gd name="connsiteY5" fmla="*/ 2361862 h 2361862"/>
              <a:gd name="connsiteX6" fmla="*/ 236186 w 2952328"/>
              <a:gd name="connsiteY6" fmla="*/ 2361862 h 2361862"/>
              <a:gd name="connsiteX7" fmla="*/ 0 w 2952328"/>
              <a:gd name="connsiteY7" fmla="*/ 2125676 h 2361862"/>
              <a:gd name="connsiteX8" fmla="*/ 0 w 2952328"/>
              <a:gd name="connsiteY8" fmla="*/ 236186 h 23618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952328" h="2361862">
                <a:moveTo>
                  <a:pt x="0" y="236186"/>
                </a:moveTo>
                <a:cubicBezTo>
                  <a:pt x="0" y="105744"/>
                  <a:pt x="105744" y="0"/>
                  <a:pt x="236186" y="0"/>
                </a:cubicBezTo>
                <a:lnTo>
                  <a:pt x="2716142" y="0"/>
                </a:lnTo>
                <a:cubicBezTo>
                  <a:pt x="2846584" y="0"/>
                  <a:pt x="2952328" y="105744"/>
                  <a:pt x="2952328" y="236186"/>
                </a:cubicBezTo>
                <a:lnTo>
                  <a:pt x="2952328" y="2125676"/>
                </a:lnTo>
                <a:cubicBezTo>
                  <a:pt x="2952328" y="2256118"/>
                  <a:pt x="2846584" y="2361862"/>
                  <a:pt x="2716142" y="2361862"/>
                </a:cubicBezTo>
                <a:lnTo>
                  <a:pt x="236186" y="2361862"/>
                </a:lnTo>
                <a:cubicBezTo>
                  <a:pt x="105744" y="2361862"/>
                  <a:pt x="0" y="2256118"/>
                  <a:pt x="0" y="2125676"/>
                </a:cubicBezTo>
                <a:lnTo>
                  <a:pt x="0" y="236186"/>
                </a:lnTo>
                <a:close/>
              </a:path>
            </a:pathLst>
          </a:custGeom>
          <a:solidFill>
            <a:srgbClr val="00B0F0"/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06680" tIns="106680" rIns="106680" bIns="1759984" numCol="1" spcCol="1270" anchor="t" anchorCtr="0">
            <a:noAutofit/>
          </a:bodyPr>
          <a:lstStyle/>
          <a:p>
            <a:pPr marL="0" lvl="0" indent="0" algn="ctr" defTabSz="1244600">
              <a:lnSpc>
                <a:spcPct val="10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3200" kern="1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จัดการข้อมูล</a:t>
            </a:r>
            <a:endParaRPr lang="en-US" sz="3200" kern="1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27" name="Freeform: Shape 126">
            <a:extLst>
              <a:ext uri="{FF2B5EF4-FFF2-40B4-BE49-F238E27FC236}">
                <a16:creationId xmlns:a16="http://schemas.microsoft.com/office/drawing/2014/main" id="{1FB9D9AF-B81E-41A6-B403-E4C8338F480B}"/>
              </a:ext>
            </a:extLst>
          </p:cNvPr>
          <p:cNvSpPr/>
          <p:nvPr/>
        </p:nvSpPr>
        <p:spPr>
          <a:xfrm>
            <a:off x="827584" y="2132855"/>
            <a:ext cx="3038575" cy="1656183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0" lvl="0" indent="0" algn="l" defTabSz="8001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24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และแก้ไข</a:t>
            </a:r>
            <a:endParaRPr lang="en-US" sz="24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5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ผู้ใช้งาน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ภาพยนต์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หมวดหมู่ภาพยนต์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ประวัติการให้คะแนน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0" name="Freeform: Shape 129">
            <a:extLst>
              <a:ext uri="{FF2B5EF4-FFF2-40B4-BE49-F238E27FC236}">
                <a16:creationId xmlns:a16="http://schemas.microsoft.com/office/drawing/2014/main" id="{B4E16E68-80C7-4AA8-A424-3D9F3CCCE6EC}"/>
              </a:ext>
            </a:extLst>
          </p:cNvPr>
          <p:cNvSpPr/>
          <p:nvPr/>
        </p:nvSpPr>
        <p:spPr>
          <a:xfrm>
            <a:off x="4139952" y="1556792"/>
            <a:ext cx="4190703" cy="4968552"/>
          </a:xfrm>
          <a:custGeom>
            <a:avLst/>
            <a:gdLst>
              <a:gd name="connsiteX0" fmla="*/ 0 w 2952328"/>
              <a:gd name="connsiteY0" fmla="*/ 236186 h 2361862"/>
              <a:gd name="connsiteX1" fmla="*/ 236186 w 2952328"/>
              <a:gd name="connsiteY1" fmla="*/ 0 h 2361862"/>
              <a:gd name="connsiteX2" fmla="*/ 2716142 w 2952328"/>
              <a:gd name="connsiteY2" fmla="*/ 0 h 2361862"/>
              <a:gd name="connsiteX3" fmla="*/ 2952328 w 2952328"/>
              <a:gd name="connsiteY3" fmla="*/ 236186 h 2361862"/>
              <a:gd name="connsiteX4" fmla="*/ 2952328 w 2952328"/>
              <a:gd name="connsiteY4" fmla="*/ 2125676 h 2361862"/>
              <a:gd name="connsiteX5" fmla="*/ 2716142 w 2952328"/>
              <a:gd name="connsiteY5" fmla="*/ 2361862 h 2361862"/>
              <a:gd name="connsiteX6" fmla="*/ 236186 w 2952328"/>
              <a:gd name="connsiteY6" fmla="*/ 2361862 h 2361862"/>
              <a:gd name="connsiteX7" fmla="*/ 0 w 2952328"/>
              <a:gd name="connsiteY7" fmla="*/ 2125676 h 2361862"/>
              <a:gd name="connsiteX8" fmla="*/ 0 w 2952328"/>
              <a:gd name="connsiteY8" fmla="*/ 236186 h 23618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952328" h="2361862">
                <a:moveTo>
                  <a:pt x="0" y="236186"/>
                </a:moveTo>
                <a:cubicBezTo>
                  <a:pt x="0" y="105744"/>
                  <a:pt x="105744" y="0"/>
                  <a:pt x="236186" y="0"/>
                </a:cubicBezTo>
                <a:lnTo>
                  <a:pt x="2716142" y="0"/>
                </a:lnTo>
                <a:cubicBezTo>
                  <a:pt x="2846584" y="0"/>
                  <a:pt x="2952328" y="105744"/>
                  <a:pt x="2952328" y="236186"/>
                </a:cubicBezTo>
                <a:lnTo>
                  <a:pt x="2952328" y="2125676"/>
                </a:lnTo>
                <a:cubicBezTo>
                  <a:pt x="2952328" y="2256118"/>
                  <a:pt x="2846584" y="2361862"/>
                  <a:pt x="2716142" y="2361862"/>
                </a:cubicBezTo>
                <a:lnTo>
                  <a:pt x="236186" y="2361862"/>
                </a:lnTo>
                <a:cubicBezTo>
                  <a:pt x="105744" y="2361862"/>
                  <a:pt x="0" y="2256118"/>
                  <a:pt x="0" y="2125676"/>
                </a:cubicBezTo>
                <a:lnTo>
                  <a:pt x="0" y="236186"/>
                </a:lnTo>
                <a:close/>
              </a:path>
            </a:pathLst>
          </a:custGeom>
          <a:solidFill>
            <a:srgbClr val="00B0F0"/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06680" tIns="106680" rIns="106680" bIns="1759984" numCol="1" spcCol="1270" anchor="t" anchorCtr="0">
            <a:noAutofit/>
          </a:bodyPr>
          <a:lstStyle/>
          <a:p>
            <a:pPr marL="0" lvl="0" indent="0" algn="ctr" defTabSz="1244600">
              <a:lnSpc>
                <a:spcPct val="10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3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จัดการสิทธิ์เข้าใช้งาน</a:t>
            </a:r>
            <a:endParaRPr lang="en-US" sz="3200" kern="1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3" name="Freeform: Shape 132">
            <a:extLst>
              <a:ext uri="{FF2B5EF4-FFF2-40B4-BE49-F238E27FC236}">
                <a16:creationId xmlns:a16="http://schemas.microsoft.com/office/drawing/2014/main" id="{68F99B69-23B1-40E8-A6D6-14851D451E6F}"/>
              </a:ext>
            </a:extLst>
          </p:cNvPr>
          <p:cNvSpPr/>
          <p:nvPr/>
        </p:nvSpPr>
        <p:spPr>
          <a:xfrm>
            <a:off x="4283968" y="2132856"/>
            <a:ext cx="3888432" cy="1872209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0" lvl="0" indent="0" algn="l" defTabSz="8001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ผู้ดูแลระบบ</a:t>
            </a:r>
            <a:r>
              <a:rPr lang="en-US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 (Admin)</a:t>
            </a:r>
          </a:p>
          <a:p>
            <a:pPr marL="114300" lvl="1" indent="-114300" defTabSz="622300">
              <a:lnSpc>
                <a:spcPct val="5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หรือแก้ไขข้อมูลผู้ใช้งาน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หรือแก้ไขข้อมูล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หรือแก้ไขข้อมูลหมวดหมู่ของ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รียกดูข้อมูลภาพยนต์ที่กำลังได้รับความนิยม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รียกดูประวัติการให้คะแนนของผู้ใช้งาน</a:t>
            </a:r>
            <a:endParaRPr lang="en-US" sz="17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4" name="Freeform: Shape 133">
            <a:extLst>
              <a:ext uri="{FF2B5EF4-FFF2-40B4-BE49-F238E27FC236}">
                <a16:creationId xmlns:a16="http://schemas.microsoft.com/office/drawing/2014/main" id="{1B82DE34-F3FF-44FA-8957-A1F2C40E028B}"/>
              </a:ext>
            </a:extLst>
          </p:cNvPr>
          <p:cNvSpPr/>
          <p:nvPr/>
        </p:nvSpPr>
        <p:spPr>
          <a:xfrm>
            <a:off x="4283968" y="4149080"/>
            <a:ext cx="3888432" cy="2232248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0" lvl="0" indent="0" algn="l" defTabSz="8001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ผู้ใช้งาน</a:t>
            </a:r>
            <a:r>
              <a:rPr lang="en-US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 (User)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ห็นข้อมูลภาพยนต์ที่มีการแนะนำจากระบบ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ให้คะแนนความพึงพอใจที่มีต่อ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ลือกดูข้อมูล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แสดงความคิดเห็นต่อ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ค้นหาข้อมูลภาพยนต์ที่สนใจ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ลือกหมวดหมู่ภาพยนต์ที่สนใจ</a:t>
            </a:r>
            <a:endParaRPr lang="en-US" sz="17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5" name="Freeform: Shape 134">
            <a:extLst>
              <a:ext uri="{FF2B5EF4-FFF2-40B4-BE49-F238E27FC236}">
                <a16:creationId xmlns:a16="http://schemas.microsoft.com/office/drawing/2014/main" id="{B1B84D97-A97C-469B-88FF-E81F71969A06}"/>
              </a:ext>
            </a:extLst>
          </p:cNvPr>
          <p:cNvSpPr/>
          <p:nvPr/>
        </p:nvSpPr>
        <p:spPr>
          <a:xfrm>
            <a:off x="683567" y="4005066"/>
            <a:ext cx="3298129" cy="2520278"/>
          </a:xfrm>
          <a:custGeom>
            <a:avLst/>
            <a:gdLst>
              <a:gd name="connsiteX0" fmla="*/ 0 w 2952328"/>
              <a:gd name="connsiteY0" fmla="*/ 236186 h 2361862"/>
              <a:gd name="connsiteX1" fmla="*/ 236186 w 2952328"/>
              <a:gd name="connsiteY1" fmla="*/ 0 h 2361862"/>
              <a:gd name="connsiteX2" fmla="*/ 2716142 w 2952328"/>
              <a:gd name="connsiteY2" fmla="*/ 0 h 2361862"/>
              <a:gd name="connsiteX3" fmla="*/ 2952328 w 2952328"/>
              <a:gd name="connsiteY3" fmla="*/ 236186 h 2361862"/>
              <a:gd name="connsiteX4" fmla="*/ 2952328 w 2952328"/>
              <a:gd name="connsiteY4" fmla="*/ 2125676 h 2361862"/>
              <a:gd name="connsiteX5" fmla="*/ 2716142 w 2952328"/>
              <a:gd name="connsiteY5" fmla="*/ 2361862 h 2361862"/>
              <a:gd name="connsiteX6" fmla="*/ 236186 w 2952328"/>
              <a:gd name="connsiteY6" fmla="*/ 2361862 h 2361862"/>
              <a:gd name="connsiteX7" fmla="*/ 0 w 2952328"/>
              <a:gd name="connsiteY7" fmla="*/ 2125676 h 2361862"/>
              <a:gd name="connsiteX8" fmla="*/ 0 w 2952328"/>
              <a:gd name="connsiteY8" fmla="*/ 236186 h 23618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952328" h="2361862">
                <a:moveTo>
                  <a:pt x="0" y="236186"/>
                </a:moveTo>
                <a:cubicBezTo>
                  <a:pt x="0" y="105744"/>
                  <a:pt x="105744" y="0"/>
                  <a:pt x="236186" y="0"/>
                </a:cubicBezTo>
                <a:lnTo>
                  <a:pt x="2716142" y="0"/>
                </a:lnTo>
                <a:cubicBezTo>
                  <a:pt x="2846584" y="0"/>
                  <a:pt x="2952328" y="105744"/>
                  <a:pt x="2952328" y="236186"/>
                </a:cubicBezTo>
                <a:lnTo>
                  <a:pt x="2952328" y="2125676"/>
                </a:lnTo>
                <a:cubicBezTo>
                  <a:pt x="2952328" y="2256118"/>
                  <a:pt x="2846584" y="2361862"/>
                  <a:pt x="2716142" y="2361862"/>
                </a:cubicBezTo>
                <a:lnTo>
                  <a:pt x="236186" y="2361862"/>
                </a:lnTo>
                <a:cubicBezTo>
                  <a:pt x="105744" y="2361862"/>
                  <a:pt x="0" y="2256118"/>
                  <a:pt x="0" y="2125676"/>
                </a:cubicBezTo>
                <a:lnTo>
                  <a:pt x="0" y="236186"/>
                </a:lnTo>
                <a:close/>
              </a:path>
            </a:pathLst>
          </a:custGeom>
          <a:solidFill>
            <a:srgbClr val="00B0F0"/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06680" tIns="106680" rIns="106680" bIns="1759984" numCol="1" spcCol="1270" anchor="t" anchorCtr="0">
            <a:noAutofit/>
          </a:bodyPr>
          <a:lstStyle/>
          <a:p>
            <a:pPr marL="0" lvl="0" indent="0" algn="ctr" defTabSz="1244600">
              <a:lnSpc>
                <a:spcPct val="10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3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ฐานข้อมูล</a:t>
            </a:r>
            <a:endParaRPr lang="en-US" sz="3200" kern="1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6" name="Freeform: Shape 135">
            <a:extLst>
              <a:ext uri="{FF2B5EF4-FFF2-40B4-BE49-F238E27FC236}">
                <a16:creationId xmlns:a16="http://schemas.microsoft.com/office/drawing/2014/main" id="{E087DFE5-1D0E-453F-8C05-9AC3419B8B4C}"/>
              </a:ext>
            </a:extLst>
          </p:cNvPr>
          <p:cNvSpPr/>
          <p:nvPr/>
        </p:nvSpPr>
        <p:spPr>
          <a:xfrm>
            <a:off x="827584" y="4581129"/>
            <a:ext cx="3038575" cy="1800199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ฐานข้อมูลที่เก็บผู้ใช้งาน เช่น ชื่อผู้ใช้งานหรืออีเมลล์ และรหัสผ่านสำหรับเข้าสู่ระบบ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ฐานข้อมูลภาพยนต์ที่เก็บข้อมูลรายละเอียดของภาพยนต์ เช่น ชื่อ รายละเอียดของภาพยนต์</a:t>
            </a: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ฐาน</a:t>
            </a: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ที่เก็บคะแนนความพึงพอใจของผู้ใช้งานที่มีต่อภาพยนต์ เช่น คะแนน ความคิดเห็นของผู้ใช้งาน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7" name="Rectangle: Rounded Corners 136">
            <a:extLst>
              <a:ext uri="{FF2B5EF4-FFF2-40B4-BE49-F238E27FC236}">
                <a16:creationId xmlns:a16="http://schemas.microsoft.com/office/drawing/2014/main" id="{CC0C633A-0121-4DEF-B616-92719EA9CEA5}"/>
              </a:ext>
            </a:extLst>
          </p:cNvPr>
          <p:cNvSpPr/>
          <p:nvPr/>
        </p:nvSpPr>
        <p:spPr bwMode="auto">
          <a:xfrm>
            <a:off x="3059832" y="362252"/>
            <a:ext cx="2520280" cy="571041"/>
          </a:xfrm>
          <a:prstGeom prst="roundRect">
            <a:avLst/>
          </a:prstGeom>
          <a:solidFill>
            <a:srgbClr val="00B0F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SCOPE</a:t>
            </a:r>
            <a:endParaRPr lang="th-TH" sz="3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cxnSp>
        <p:nvCxnSpPr>
          <p:cNvPr id="139" name="Straight Connector 138">
            <a:extLst>
              <a:ext uri="{FF2B5EF4-FFF2-40B4-BE49-F238E27FC236}">
                <a16:creationId xmlns:a16="http://schemas.microsoft.com/office/drawing/2014/main" id="{068E128A-E925-41BF-9277-60F8AFC9221C}"/>
              </a:ext>
            </a:extLst>
          </p:cNvPr>
          <p:cNvCxnSpPr/>
          <p:nvPr/>
        </p:nvCxnSpPr>
        <p:spPr bwMode="auto">
          <a:xfrm>
            <a:off x="3635896" y="933293"/>
            <a:ext cx="0" cy="402452"/>
          </a:xfrm>
          <a:prstGeom prst="line">
            <a:avLst/>
          </a:prstGeom>
          <a:solidFill>
            <a:schemeClr val="accent1"/>
          </a:solidFill>
          <a:ln w="63500" cap="flat" cmpd="sng" algn="ctr">
            <a:solidFill>
              <a:srgbClr val="ACEAFE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0" name="Straight Connector 139">
            <a:extLst>
              <a:ext uri="{FF2B5EF4-FFF2-40B4-BE49-F238E27FC236}">
                <a16:creationId xmlns:a16="http://schemas.microsoft.com/office/drawing/2014/main" id="{46F523A8-A125-4E7B-9595-CE31064D0464}"/>
              </a:ext>
            </a:extLst>
          </p:cNvPr>
          <p:cNvCxnSpPr/>
          <p:nvPr/>
        </p:nvCxnSpPr>
        <p:spPr bwMode="auto">
          <a:xfrm>
            <a:off x="4932040" y="933293"/>
            <a:ext cx="0" cy="402452"/>
          </a:xfrm>
          <a:prstGeom prst="line">
            <a:avLst/>
          </a:prstGeom>
          <a:solidFill>
            <a:schemeClr val="accent1"/>
          </a:solidFill>
          <a:ln w="63500" cap="flat" cmpd="sng" algn="ctr">
            <a:solidFill>
              <a:srgbClr val="ACEAFE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271534622"/>
      </p:ext>
    </p:extLst>
  </p:cSld>
  <p:clrMapOvr>
    <a:masterClrMapping/>
  </p:clrMapOvr>
  <p:transition spd="slow">
    <p:wip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ircle: Hollow 6">
            <a:extLst>
              <a:ext uri="{FF2B5EF4-FFF2-40B4-BE49-F238E27FC236}">
                <a16:creationId xmlns:a16="http://schemas.microsoft.com/office/drawing/2014/main" id="{740BE026-0808-4D63-AB8B-B698B7598594}"/>
              </a:ext>
            </a:extLst>
          </p:cNvPr>
          <p:cNvSpPr/>
          <p:nvPr/>
        </p:nvSpPr>
        <p:spPr bwMode="auto">
          <a:xfrm>
            <a:off x="2843808" y="1913718"/>
            <a:ext cx="3384376" cy="3096344"/>
          </a:xfrm>
          <a:prstGeom prst="donut">
            <a:avLst>
              <a:gd name="adj" fmla="val 5095"/>
            </a:avLst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Speech Bubble: Rectangle with Corners Rounded 4">
            <a:extLst>
              <a:ext uri="{FF2B5EF4-FFF2-40B4-BE49-F238E27FC236}">
                <a16:creationId xmlns:a16="http://schemas.microsoft.com/office/drawing/2014/main" id="{3AEE3AC2-D036-4220-BFE3-07A0A7163EAB}"/>
              </a:ext>
            </a:extLst>
          </p:cNvPr>
          <p:cNvSpPr/>
          <p:nvPr/>
        </p:nvSpPr>
        <p:spPr bwMode="auto">
          <a:xfrm>
            <a:off x="3635896" y="116632"/>
            <a:ext cx="3328294" cy="851004"/>
          </a:xfrm>
          <a:prstGeom prst="wedgeRoundRectCallout">
            <a:avLst/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การนำเสนอให้กับลูกค้า ผ่านรูปแบบเว็บคอนเทนต์</a:t>
            </a: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946CC518-94FC-4580-A8D7-38F7F43FCD07}"/>
              </a:ext>
            </a:extLst>
          </p:cNvPr>
          <p:cNvSpPr/>
          <p:nvPr/>
        </p:nvSpPr>
        <p:spPr bwMode="auto">
          <a:xfrm>
            <a:off x="3779912" y="1694580"/>
            <a:ext cx="1512168" cy="648072"/>
          </a:xfrm>
          <a:prstGeom prst="roundRect">
            <a:avLst/>
          </a:prstGeom>
          <a:solidFill>
            <a:srgbClr val="F4860C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AT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2FD1638E-1BBE-4352-8CCA-BE0CC1AB5A10}"/>
              </a:ext>
            </a:extLst>
          </p:cNvPr>
          <p:cNvSpPr/>
          <p:nvPr/>
        </p:nvSpPr>
        <p:spPr bwMode="auto">
          <a:xfrm>
            <a:off x="5358775" y="2636912"/>
            <a:ext cx="1512168" cy="648072"/>
          </a:xfrm>
          <a:prstGeom prst="roundRect">
            <a:avLst/>
          </a:prstGeom>
          <a:solidFill>
            <a:srgbClr val="00B0F0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Y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6" name="Rectangle: Rounded Corners 35">
            <a:extLst>
              <a:ext uri="{FF2B5EF4-FFF2-40B4-BE49-F238E27FC236}">
                <a16:creationId xmlns:a16="http://schemas.microsoft.com/office/drawing/2014/main" id="{38AD8487-4D36-4089-80C1-D1EA579D6D5A}"/>
              </a:ext>
            </a:extLst>
          </p:cNvPr>
          <p:cNvSpPr/>
          <p:nvPr/>
        </p:nvSpPr>
        <p:spPr bwMode="auto">
          <a:xfrm>
            <a:off x="3779912" y="4581128"/>
            <a:ext cx="1512168" cy="648072"/>
          </a:xfrm>
          <a:prstGeom prst="roundRect">
            <a:avLst/>
          </a:prstGeom>
          <a:solidFill>
            <a:srgbClr val="F197ED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O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id="{0AFD4DF2-9611-49A5-94B2-E00D519EADD0}"/>
              </a:ext>
            </a:extLst>
          </p:cNvPr>
          <p:cNvSpPr/>
          <p:nvPr/>
        </p:nvSpPr>
        <p:spPr bwMode="auto">
          <a:xfrm>
            <a:off x="2267744" y="3717032"/>
            <a:ext cx="1512168" cy="648072"/>
          </a:xfrm>
          <a:prstGeom prst="roundRect">
            <a:avLst/>
          </a:prstGeom>
          <a:solidFill>
            <a:srgbClr val="FD3131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ERE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BC2E96D2-7980-4082-BF91-ED2894AD356F}"/>
              </a:ext>
            </a:extLst>
          </p:cNvPr>
          <p:cNvSpPr/>
          <p:nvPr/>
        </p:nvSpPr>
        <p:spPr bwMode="auto">
          <a:xfrm>
            <a:off x="2267744" y="2636912"/>
            <a:ext cx="1512168" cy="648072"/>
          </a:xfrm>
          <a:prstGeom prst="roundRect">
            <a:avLst/>
          </a:prstGeom>
          <a:solidFill>
            <a:srgbClr val="1F915D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HOW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9" name="Speech Bubble: Rectangle with Corners Rounded 38">
            <a:extLst>
              <a:ext uri="{FF2B5EF4-FFF2-40B4-BE49-F238E27FC236}">
                <a16:creationId xmlns:a16="http://schemas.microsoft.com/office/drawing/2014/main" id="{57F3664C-1973-4FD5-B9EC-C1AA107A1FD3}"/>
              </a:ext>
            </a:extLst>
          </p:cNvPr>
          <p:cNvSpPr/>
          <p:nvPr/>
        </p:nvSpPr>
        <p:spPr bwMode="auto">
          <a:xfrm>
            <a:off x="5815706" y="1690830"/>
            <a:ext cx="3220790" cy="514034"/>
          </a:xfrm>
          <a:prstGeom prst="wedgeRoundRectCallout">
            <a:avLst>
              <a:gd name="adj1" fmla="val -20833"/>
              <a:gd name="adj2" fmla="val 85469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พื่อเป็นข้อมูลให้กับผู้ใช้ได้ตัดสินใจ</a:t>
            </a:r>
          </a:p>
        </p:txBody>
      </p:sp>
      <p:sp>
        <p:nvSpPr>
          <p:cNvPr id="40" name="Rectangle: Rounded Corners 39">
            <a:extLst>
              <a:ext uri="{FF2B5EF4-FFF2-40B4-BE49-F238E27FC236}">
                <a16:creationId xmlns:a16="http://schemas.microsoft.com/office/drawing/2014/main" id="{A3B99B3C-5322-4F39-8FB2-10A1BE3A7F7B}"/>
              </a:ext>
            </a:extLst>
          </p:cNvPr>
          <p:cNvSpPr/>
          <p:nvPr/>
        </p:nvSpPr>
        <p:spPr bwMode="auto">
          <a:xfrm>
            <a:off x="5358775" y="3717032"/>
            <a:ext cx="1512168" cy="648072"/>
          </a:xfrm>
          <a:prstGeom prst="roundRect">
            <a:avLst/>
          </a:prstGeom>
          <a:solidFill>
            <a:srgbClr val="50CE32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EN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41" name="Speech Bubble: Rectangle with Corners Rounded 40">
            <a:extLst>
              <a:ext uri="{FF2B5EF4-FFF2-40B4-BE49-F238E27FC236}">
                <a16:creationId xmlns:a16="http://schemas.microsoft.com/office/drawing/2014/main" id="{7EEBEDC4-DAAC-48FF-847E-5A4989196FEB}"/>
              </a:ext>
            </a:extLst>
          </p:cNvPr>
          <p:cNvSpPr/>
          <p:nvPr/>
        </p:nvSpPr>
        <p:spPr bwMode="auto">
          <a:xfrm>
            <a:off x="5877929" y="4715166"/>
            <a:ext cx="3096344" cy="514034"/>
          </a:xfrm>
          <a:prstGeom prst="wedgeRoundRectCallout">
            <a:avLst>
              <a:gd name="adj1" fmla="val -20497"/>
              <a:gd name="adj2" fmla="val -82311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มื่อผู้ใช้มีความสนใจในสินค้า</a:t>
            </a:r>
          </a:p>
        </p:txBody>
      </p:sp>
      <p:sp>
        <p:nvSpPr>
          <p:cNvPr id="43" name="Speech Bubble: Rectangle with Corners Rounded 42">
            <a:extLst>
              <a:ext uri="{FF2B5EF4-FFF2-40B4-BE49-F238E27FC236}">
                <a16:creationId xmlns:a16="http://schemas.microsoft.com/office/drawing/2014/main" id="{B6A08B79-584B-4EEC-A4C3-72A4678D3EED}"/>
              </a:ext>
            </a:extLst>
          </p:cNvPr>
          <p:cNvSpPr/>
          <p:nvPr/>
        </p:nvSpPr>
        <p:spPr bwMode="auto">
          <a:xfrm>
            <a:off x="3347864" y="6021288"/>
            <a:ext cx="3096344" cy="712652"/>
          </a:xfrm>
          <a:prstGeom prst="wedgeRoundRectCallout">
            <a:avLst>
              <a:gd name="adj1" fmla="val -21539"/>
              <a:gd name="adj2" fmla="val -64197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ทุกคนที่มีความสนใจในสินค้า และใช้งานเว็บคอนเทนต์</a:t>
            </a:r>
          </a:p>
        </p:txBody>
      </p:sp>
      <p:sp>
        <p:nvSpPr>
          <p:cNvPr id="44" name="Speech Bubble: Rectangle with Corners Rounded 43">
            <a:extLst>
              <a:ext uri="{FF2B5EF4-FFF2-40B4-BE49-F238E27FC236}">
                <a16:creationId xmlns:a16="http://schemas.microsoft.com/office/drawing/2014/main" id="{1BD7652A-AF66-4C96-A042-EF82F7D623A5}"/>
              </a:ext>
            </a:extLst>
          </p:cNvPr>
          <p:cNvSpPr/>
          <p:nvPr/>
        </p:nvSpPr>
        <p:spPr bwMode="auto">
          <a:xfrm>
            <a:off x="127872" y="4797152"/>
            <a:ext cx="3096344" cy="514034"/>
          </a:xfrm>
          <a:prstGeom prst="wedgeRoundRectCallout">
            <a:avLst>
              <a:gd name="adj1" fmla="val 20152"/>
              <a:gd name="adj2" fmla="val -99053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ว็บคอนเทนต์ ที่มีระบบการแนะนำสินค้า</a:t>
            </a:r>
          </a:p>
        </p:txBody>
      </p:sp>
      <p:sp>
        <p:nvSpPr>
          <p:cNvPr id="45" name="Speech Bubble: Rectangle with Corners Rounded 44">
            <a:extLst>
              <a:ext uri="{FF2B5EF4-FFF2-40B4-BE49-F238E27FC236}">
                <a16:creationId xmlns:a16="http://schemas.microsoft.com/office/drawing/2014/main" id="{4EB0E052-B0C3-4050-ABDD-1AB566707E37}"/>
              </a:ext>
            </a:extLst>
          </p:cNvPr>
          <p:cNvSpPr/>
          <p:nvPr/>
        </p:nvSpPr>
        <p:spPr bwMode="auto">
          <a:xfrm>
            <a:off x="63138" y="1690830"/>
            <a:ext cx="3096344" cy="514034"/>
          </a:xfrm>
          <a:prstGeom prst="wedgeRoundRectCallout">
            <a:avLst>
              <a:gd name="adj1" fmla="val 20500"/>
              <a:gd name="adj2" fmla="val 80926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ก็บข้อมูลจากผู้ใช้งานรูปแบบของคะแนน</a:t>
            </a:r>
          </a:p>
        </p:txBody>
      </p:sp>
    </p:spTree>
    <p:extLst>
      <p:ext uri="{BB962C8B-B14F-4D97-AF65-F5344CB8AC3E}">
        <p14:creationId xmlns:p14="http://schemas.microsoft.com/office/powerpoint/2010/main" val="49243588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4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iterate type="wd">
                                    <p:tmPct val="0"/>
                                  </p:iterate>
                                  <p:childTnLst>
                                    <p:animMotion origin="layout" path="M 3.05556E-6 -2.96296E-6 L 3.05556E-6 -0.08819 " pathEditMode="relative" rAng="0" ptsTypes="AA">
                                      <p:cBhvr>
                                        <p:cTn id="6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4421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1000"/>
                            </p:stCondLst>
                            <p:childTnLst>
                              <p:par>
                                <p:cTn id="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63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11022E-16 -2.96296E-6 L 0.12257 -0.02777 " pathEditMode="relative" rAng="0" ptsTypes="AA">
                                      <p:cBhvr>
                                        <p:cTn id="14" dur="1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128" y="-138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00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63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11022E-16 -3.7037E-7 L 0.12257 0.02778 " pathEditMode="relative" rAng="0" ptsTypes="AA">
                                      <p:cBhvr>
                                        <p:cTn id="22" dur="1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128" y="138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1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42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05556E-6 2.22222E-6 L 3.05556E-6 0.09977 " pathEditMode="relative" rAng="0" ptsTypes="AA">
                                      <p:cBhvr>
                                        <p:cTn id="30" dur="10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497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10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35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8.33333E-7 -3.7037E-7 L -0.11424 0.02778 " pathEditMode="relative" rAng="0" ptsTypes="AA">
                                      <p:cBhvr>
                                        <p:cTn id="38" dur="10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712" y="138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100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35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8.33333E-7 -2.96296E-6 L -0.11424 -0.03727 " pathEditMode="relative" rAng="0" ptsTypes="AA">
                                      <p:cBhvr>
                                        <p:cTn id="46" dur="10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712" y="-1875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10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1500"/>
                            </p:stCondLst>
                            <p:childTnLst>
                              <p:par>
                                <p:cTn id="52" presetID="45" presetClass="exit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4" dur="2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2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5" grpId="0" animBg="1"/>
      <p:bldP spid="6" grpId="0" animBg="1"/>
      <p:bldP spid="34" grpId="0" animBg="1"/>
      <p:bldP spid="36" grpId="0" animBg="1"/>
      <p:bldP spid="37" grpId="0" animBg="1"/>
      <p:bldP spid="38" grpId="0" animBg="1"/>
      <p:bldP spid="39" grpId="0" animBg="1"/>
      <p:bldP spid="40" grpId="0" animBg="1"/>
      <p:bldP spid="41" grpId="0" animBg="1"/>
      <p:bldP spid="43" grpId="0" animBg="1"/>
      <p:bldP spid="44" grpId="0" animBg="1"/>
      <p:bldP spid="45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BC244193-7A24-40EF-BA71-A0E95B78CF0B}"/>
              </a:ext>
            </a:extLst>
          </p:cNvPr>
          <p:cNvSpPr/>
          <p:nvPr/>
        </p:nvSpPr>
        <p:spPr>
          <a:xfrm>
            <a:off x="1548689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50CE3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put</a:t>
            </a: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90CB70BF-1D3A-42C8-80D0-FB003DABDCBC}"/>
              </a:ext>
            </a:extLst>
          </p:cNvPr>
          <p:cNvSpPr/>
          <p:nvPr/>
        </p:nvSpPr>
        <p:spPr>
          <a:xfrm>
            <a:off x="3017824" y="3001919"/>
            <a:ext cx="788104" cy="788104"/>
          </a:xfrm>
          <a:custGeom>
            <a:avLst/>
            <a:gdLst>
              <a:gd name="connsiteX0" fmla="*/ 104463 w 788104"/>
              <a:gd name="connsiteY0" fmla="*/ 301371 h 788104"/>
              <a:gd name="connsiteX1" fmla="*/ 301371 w 788104"/>
              <a:gd name="connsiteY1" fmla="*/ 301371 h 788104"/>
              <a:gd name="connsiteX2" fmla="*/ 301371 w 788104"/>
              <a:gd name="connsiteY2" fmla="*/ 104463 h 788104"/>
              <a:gd name="connsiteX3" fmla="*/ 486733 w 788104"/>
              <a:gd name="connsiteY3" fmla="*/ 104463 h 788104"/>
              <a:gd name="connsiteX4" fmla="*/ 486733 w 788104"/>
              <a:gd name="connsiteY4" fmla="*/ 301371 h 788104"/>
              <a:gd name="connsiteX5" fmla="*/ 683641 w 788104"/>
              <a:gd name="connsiteY5" fmla="*/ 301371 h 788104"/>
              <a:gd name="connsiteX6" fmla="*/ 683641 w 788104"/>
              <a:gd name="connsiteY6" fmla="*/ 486733 h 788104"/>
              <a:gd name="connsiteX7" fmla="*/ 486733 w 788104"/>
              <a:gd name="connsiteY7" fmla="*/ 486733 h 788104"/>
              <a:gd name="connsiteX8" fmla="*/ 486733 w 788104"/>
              <a:gd name="connsiteY8" fmla="*/ 683641 h 788104"/>
              <a:gd name="connsiteX9" fmla="*/ 301371 w 788104"/>
              <a:gd name="connsiteY9" fmla="*/ 683641 h 788104"/>
              <a:gd name="connsiteX10" fmla="*/ 301371 w 788104"/>
              <a:gd name="connsiteY10" fmla="*/ 486733 h 788104"/>
              <a:gd name="connsiteX11" fmla="*/ 104463 w 788104"/>
              <a:gd name="connsiteY11" fmla="*/ 486733 h 788104"/>
              <a:gd name="connsiteX12" fmla="*/ 104463 w 788104"/>
              <a:gd name="connsiteY12" fmla="*/ 301371 h 788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788104" h="788104">
                <a:moveTo>
                  <a:pt x="104463" y="301371"/>
                </a:moveTo>
                <a:lnTo>
                  <a:pt x="301371" y="301371"/>
                </a:lnTo>
                <a:lnTo>
                  <a:pt x="301371" y="104463"/>
                </a:lnTo>
                <a:lnTo>
                  <a:pt x="486733" y="104463"/>
                </a:lnTo>
                <a:lnTo>
                  <a:pt x="486733" y="301371"/>
                </a:lnTo>
                <a:lnTo>
                  <a:pt x="683641" y="301371"/>
                </a:lnTo>
                <a:lnTo>
                  <a:pt x="683641" y="486733"/>
                </a:lnTo>
                <a:lnTo>
                  <a:pt x="486733" y="486733"/>
                </a:lnTo>
                <a:lnTo>
                  <a:pt x="486733" y="683641"/>
                </a:lnTo>
                <a:lnTo>
                  <a:pt x="301371" y="683641"/>
                </a:lnTo>
                <a:lnTo>
                  <a:pt x="301371" y="486733"/>
                </a:lnTo>
                <a:lnTo>
                  <a:pt x="104463" y="486733"/>
                </a:lnTo>
                <a:lnTo>
                  <a:pt x="104463" y="301371"/>
                </a:lnTo>
                <a:close/>
              </a:path>
            </a:pathLst>
          </a:cu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4463" tIns="301371" rIns="104463" bIns="301371" numCol="1" spcCol="1270" anchor="ctr" anchorCtr="0">
            <a:noAutofit/>
          </a:bodyPr>
          <a:lstStyle/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1400" kern="120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DA01C09C-92FB-4FE2-B78F-D54E436A33A5}"/>
              </a:ext>
            </a:extLst>
          </p:cNvPr>
          <p:cNvSpPr/>
          <p:nvPr/>
        </p:nvSpPr>
        <p:spPr>
          <a:xfrm>
            <a:off x="3916263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92D05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Model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3944E32-976E-4497-91BB-467E59A95734}"/>
              </a:ext>
            </a:extLst>
          </p:cNvPr>
          <p:cNvSpPr/>
          <p:nvPr/>
        </p:nvSpPr>
        <p:spPr>
          <a:xfrm>
            <a:off x="5385399" y="3001919"/>
            <a:ext cx="788104" cy="788104"/>
          </a:xfrm>
          <a:custGeom>
            <a:avLst/>
            <a:gdLst>
              <a:gd name="connsiteX0" fmla="*/ 104463 w 788104"/>
              <a:gd name="connsiteY0" fmla="*/ 162349 h 788104"/>
              <a:gd name="connsiteX1" fmla="*/ 683641 w 788104"/>
              <a:gd name="connsiteY1" fmla="*/ 162349 h 788104"/>
              <a:gd name="connsiteX2" fmla="*/ 683641 w 788104"/>
              <a:gd name="connsiteY2" fmla="*/ 347711 h 788104"/>
              <a:gd name="connsiteX3" fmla="*/ 104463 w 788104"/>
              <a:gd name="connsiteY3" fmla="*/ 347711 h 788104"/>
              <a:gd name="connsiteX4" fmla="*/ 104463 w 788104"/>
              <a:gd name="connsiteY4" fmla="*/ 162349 h 788104"/>
              <a:gd name="connsiteX5" fmla="*/ 104463 w 788104"/>
              <a:gd name="connsiteY5" fmla="*/ 440393 h 788104"/>
              <a:gd name="connsiteX6" fmla="*/ 683641 w 788104"/>
              <a:gd name="connsiteY6" fmla="*/ 440393 h 788104"/>
              <a:gd name="connsiteX7" fmla="*/ 683641 w 788104"/>
              <a:gd name="connsiteY7" fmla="*/ 625755 h 788104"/>
              <a:gd name="connsiteX8" fmla="*/ 104463 w 788104"/>
              <a:gd name="connsiteY8" fmla="*/ 625755 h 788104"/>
              <a:gd name="connsiteX9" fmla="*/ 104463 w 788104"/>
              <a:gd name="connsiteY9" fmla="*/ 440393 h 788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788104" h="788104">
                <a:moveTo>
                  <a:pt x="104463" y="162349"/>
                </a:moveTo>
                <a:lnTo>
                  <a:pt x="683641" y="162349"/>
                </a:lnTo>
                <a:lnTo>
                  <a:pt x="683641" y="347711"/>
                </a:lnTo>
                <a:lnTo>
                  <a:pt x="104463" y="347711"/>
                </a:lnTo>
                <a:lnTo>
                  <a:pt x="104463" y="162349"/>
                </a:lnTo>
                <a:close/>
                <a:moveTo>
                  <a:pt x="104463" y="440393"/>
                </a:moveTo>
                <a:lnTo>
                  <a:pt x="683641" y="440393"/>
                </a:lnTo>
                <a:lnTo>
                  <a:pt x="683641" y="625755"/>
                </a:lnTo>
                <a:lnTo>
                  <a:pt x="104463" y="625755"/>
                </a:lnTo>
                <a:lnTo>
                  <a:pt x="104463" y="440393"/>
                </a:lnTo>
                <a:close/>
              </a:path>
            </a:pathLst>
          </a:cu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4463" tIns="162349" rIns="104463" bIns="162349" numCol="1" spcCol="1270" anchor="ctr" anchorCtr="0">
            <a:noAutofit/>
          </a:bodyPr>
          <a:lstStyle/>
          <a:p>
            <a:pPr marL="0" lvl="0" indent="0" algn="ctr" defTabSz="11112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500" kern="1200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DBF96BDE-ECB8-43AC-BF35-F5BC53CF03F8}"/>
              </a:ext>
            </a:extLst>
          </p:cNvPr>
          <p:cNvSpPr/>
          <p:nvPr/>
        </p:nvSpPr>
        <p:spPr>
          <a:xfrm>
            <a:off x="6283838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1CB414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Output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59BAA3AA-555A-4290-9189-F655A9B8FA9B}"/>
              </a:ext>
            </a:extLst>
          </p:cNvPr>
          <p:cNvGrpSpPr/>
          <p:nvPr/>
        </p:nvGrpSpPr>
        <p:grpSpPr>
          <a:xfrm>
            <a:off x="2555776" y="404664"/>
            <a:ext cx="1592756" cy="1592756"/>
            <a:chOff x="2454821" y="178981"/>
            <a:chExt cx="1592756" cy="1592756"/>
          </a:xfrm>
          <a:solidFill>
            <a:srgbClr val="1F915D"/>
          </a:solidFill>
        </p:grpSpPr>
        <p:sp>
          <p:nvSpPr>
            <p:cNvPr id="7" name="Shape 6">
              <a:extLst>
                <a:ext uri="{FF2B5EF4-FFF2-40B4-BE49-F238E27FC236}">
                  <a16:creationId xmlns:a16="http://schemas.microsoft.com/office/drawing/2014/main" id="{BEDBD805-5D4D-42E1-B79B-4E5EDD5F4355}"/>
                </a:ext>
              </a:extLst>
            </p:cNvPr>
            <p:cNvSpPr/>
            <p:nvPr/>
          </p:nvSpPr>
          <p:spPr>
            <a:xfrm rot="20700000">
              <a:off x="2454821" y="178981"/>
              <a:ext cx="1592756" cy="1592756"/>
            </a:xfrm>
            <a:prstGeom prst="gear6">
              <a:avLst/>
            </a:prstGeom>
            <a:grpFill/>
            <a:ln w="44450">
              <a:solidFill>
                <a:schemeClr val="bg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8" name="Shape 4">
              <a:extLst>
                <a:ext uri="{FF2B5EF4-FFF2-40B4-BE49-F238E27FC236}">
                  <a16:creationId xmlns:a16="http://schemas.microsoft.com/office/drawing/2014/main" id="{F31CAF63-4673-47A1-A6AC-F585EB0B6A5E}"/>
                </a:ext>
              </a:extLst>
            </p:cNvPr>
            <p:cNvSpPr txBox="1"/>
            <p:nvPr/>
          </p:nvSpPr>
          <p:spPr>
            <a:xfrm>
              <a:off x="2804160" y="528320"/>
              <a:ext cx="894080" cy="894080"/>
            </a:xfrm>
            <a:prstGeom prst="rect">
              <a:avLst/>
            </a:prstGeom>
            <a:no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4290" tIns="34290" rIns="34290" bIns="34290" numCol="1" spcCol="1270" anchor="ctr" anchorCtr="0">
              <a:noAutofit/>
            </a:bodyPr>
            <a:lstStyle/>
            <a:p>
              <a:pPr marL="0" lvl="0" indent="0" algn="ctr" defTabSz="1200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HOW ?</a:t>
              </a:r>
              <a:endParaRPr lang="en-US" sz="2600" kern="1200" dirty="0"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sp>
        <p:nvSpPr>
          <p:cNvPr id="16" name="Speech Bubble: Rectangle with Corners Rounded 15">
            <a:extLst>
              <a:ext uri="{FF2B5EF4-FFF2-40B4-BE49-F238E27FC236}">
                <a16:creationId xmlns:a16="http://schemas.microsoft.com/office/drawing/2014/main" id="{FF7071EB-A41B-432C-B493-661EFF548B19}"/>
              </a:ext>
            </a:extLst>
          </p:cNvPr>
          <p:cNvSpPr/>
          <p:nvPr/>
        </p:nvSpPr>
        <p:spPr bwMode="auto">
          <a:xfrm>
            <a:off x="1115616" y="4255500"/>
            <a:ext cx="1511465" cy="360040"/>
          </a:xfrm>
          <a:prstGeom prst="wedgeRoundRectCallout">
            <a:avLst>
              <a:gd name="adj1" fmla="val 20152"/>
              <a:gd name="adj2" fmla="val -81736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Rate from user </a:t>
            </a:r>
            <a:endParaRPr lang="th-TH" sz="20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7" name="Speech Bubble: Rectangle with Corners Rounded 16">
            <a:extLst>
              <a:ext uri="{FF2B5EF4-FFF2-40B4-BE49-F238E27FC236}">
                <a16:creationId xmlns:a16="http://schemas.microsoft.com/office/drawing/2014/main" id="{FFE55E0C-B815-4D9C-A1FD-0CE7CB793034}"/>
              </a:ext>
            </a:extLst>
          </p:cNvPr>
          <p:cNvSpPr/>
          <p:nvPr/>
        </p:nvSpPr>
        <p:spPr bwMode="auto">
          <a:xfrm>
            <a:off x="3647384" y="2188252"/>
            <a:ext cx="1360259" cy="360040"/>
          </a:xfrm>
          <a:prstGeom prst="wedgeRoundRectCallout">
            <a:avLst>
              <a:gd name="adj1" fmla="val 18777"/>
              <a:gd name="adj2" fmla="val 76996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Algorithms</a:t>
            </a:r>
            <a:endParaRPr lang="th-TH" sz="20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5" name="Speech Bubble: Rectangle with Corners Rounded 14">
            <a:extLst>
              <a:ext uri="{FF2B5EF4-FFF2-40B4-BE49-F238E27FC236}">
                <a16:creationId xmlns:a16="http://schemas.microsoft.com/office/drawing/2014/main" id="{11A7D762-C08D-4081-8BFB-11343491DF6D}"/>
              </a:ext>
            </a:extLst>
          </p:cNvPr>
          <p:cNvSpPr/>
          <p:nvPr/>
        </p:nvSpPr>
        <p:spPr bwMode="auto">
          <a:xfrm>
            <a:off x="1115616" y="5589240"/>
            <a:ext cx="6912769" cy="360040"/>
          </a:xfrm>
          <a:prstGeom prst="wedgeRoundRectCallout">
            <a:avLst>
              <a:gd name="adj1" fmla="val 19250"/>
              <a:gd name="adj2" fmla="val -927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Data Set from Movie lens</a:t>
            </a:r>
            <a:endParaRPr lang="th-TH" sz="20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286909738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 tmFilter="0, 0; .2, .5; .8, .5; 1, 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250" autoRev="1" fill="hold"/>
                                        <p:tgtEl>
                                          <p:spTgt spid="10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 tmFilter="0, 0; .2, .5; .8, .5; 1, 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6" dur="250" autoRev="1" fill="hold"/>
                                        <p:tgtEl>
                                          <p:spTgt spid="12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 tmFilter="0, 0; .2, .5; .8, .5; 1, 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5" dur="250" autoRev="1" fill="hold"/>
                                        <p:tgtEl>
                                          <p:spTgt spid="14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2" grpId="0" animBg="1"/>
      <p:bldP spid="14" grpId="0" animBg="1"/>
      <p:bldP spid="16" grpId="0" animBg="1"/>
      <p:bldP spid="17" grpId="0" animBg="1"/>
      <p:bldP spid="15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GgtVEgiLCJTdHlsZU5hbWUiOiJTdGFuZGFyZCIsIklzVGVtcGxhdGUiOmZhbHNlLCJWZXJzaW9uIjp7IiRpZCI6IjIiLCJWZXJzaW9uIjoiMy4xLjAiLCJPcmlnaW5hbEFzc2VtYmx5VmVyc2lvbiI6IjMuMTY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xMjcsIlRvZGF5TWFya2VyVGV4dCI6IlRvZGF5IiwiQXV0b1NjYWxlVHlwZSI6dHJ1ZX0sIk1pbGVzdG9uZXMiOlt7IiRpZCI6IjEyNCIsIkRhdGUiOiIyMDE3LTA4LTAx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E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E5OSwiRyI6OTQsIkIiOj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U4IiwiTGluZUNvbG9yIjpudWxsLCJMaW5lV2VpZ2h0IjowLjAsIkxpbmVUeXBlIjowLCJQYXJlbnRTdHlsZSI6bnVsbH0sIlBhcmVudFN0eWxlIjp7IiRyZWYiOiI4MSJ9fSwiRHVyYXRpb25TdHlsZSI6eyIkaWQiOiIxNTkiLCJGb250U2V0dGluZ3MiOnsiJGlkIjoiMT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xIiwiTGluZUNvbG9yIjpudWxsLCJMaW5lV2VpZ2h0IjowLjAsIkxpbmVUeXBlIjowLCJQYXJlbnRTdHlsZSI6bnVsbH0sIlBhcmVudFN0eWxlIjp7IiRyZWYiOiI4OCJ9fSwiSG9yaXpvbnRhbENvbm5lY3RvclN0eWxlIjp7IiRpZCI6IjE2MiIsIkxpbmVDb2xvciI6eyIkcmVmIjoiOTYifSwiTGluZVdlaWdodCI6MS4wLCJMaW5lVHlwZSI6MCwiUGFyZW50U3R5bGUiOnsiJHJlZiI6Ijk1In19LCJWZXJ0aWNhbENvbm5lY3RvclN0eWxlIjp7IiRpZCI6IjE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2NCIsIk1hcmdpbiI6eyIkcmVmIjoiMTAyIn0sIlBhZGRpbmciOnsiJHJlZiI6IjEwMyJ9LCJCYWNrZ3JvdW5kIjp7IiRpZCI6IjE2NSIsIkNvbG9yIjp7IiRpZCI6IjE2NiIsIkEiOjI1NSwiUiI6MjU0LCJHIjoxODYsIkIiOjEwfX0sIklzVmlzaWJsZSI6dHJ1ZSwiV2lkdGgiOjAuMCwiSGVpZ2h0IjoxNi4wLCJCb3JkZXJTdHlsZSI6eyIkaWQiOiIxNjciLCJMaW5lQ29sb3IiOnsiJHJlZiI6IjEwNSJ9LCJMaW5lV2VpZ2h0IjowLjAsIkxpbmVUeXBlIjowLCJQYXJlbnRTdHlsZSI6eyIkcmVmIjoiMTA0In19LCJQYXJlbnRTdHlsZSI6eyIkcmVmIjoiMTAxIn19LCJUaXRsZVN0eWxlIjp7IiRpZCI6IjE2OCIsIkZvbnRTZXR0aW5ncyI6eyIkaWQiOiIx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wIiwiTGluZUNvbG9yIjpudWxsLCJMaW5lV2VpZ2h0IjowLjAsIkxpbmVUeXBlIjowLCJQYXJlbnRTdHlsZSI6bnVsbH0sIlBhcmVudFN0eWxlIjp7IiRyZWYiOiIxMDcifX0sIkRhdGVTdHlsZSI6eyIkaWQiOiIxNzEiLCJGb250U2V0dGluZ3MiOnsiJGlkIjoiMT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giLCJMaW5lQ29sb3IiOm51bGwsIkxpbmVXZWlnaHQiOjAuMCwiTGluZVR5cGUiOjAsIlBhcmVudFN0eWxlIjpudWxsfSwiUGFyZW50U3R5bGUiOnsiJHJlZiI6IjgxIn19LCJEdXJhdGlvblN0eWxlIjp7IiRpZCI6IjE3OSIsIkZvbnRTZXR0aW5ncyI6eyIkaWQiOiIx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EiLCJMaW5lQ29sb3IiOm51bGwsIkxpbmVXZWlnaHQiOjAuMCwiTGluZVR5cGUiOjAsIlBhcmVudFN0eWxlIjpudWxsfSwiUGFyZW50U3R5bGUiOnsiJHJlZiI6Ijg4In19LCJIb3Jpem9udGFsQ29ubmVjdG9yU3R5bGUiOnsiJGlkIjoiMTgyIiwiTGluZUNvbG9yIjp7IiRyZWYiOiI5NiJ9LCJMaW5lV2VpZ2h0IjoxLjAsIkxpbmVUeXBlIjowLCJQYXJlbnRTdHlsZSI6eyIkcmVmIjoiOTUifX0sIlZlcnRpY2FsQ29ubmVjdG9yU3R5bGUiOnsiJGlkIjoiMT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0IiwiTWFyZ2luIjp7IiRyZWYiOiIxMDIifSwiUGFkZGluZyI6eyIkcmVmIjoiMTAzIn0sIkJhY2tncm91bmQiOnsiJGlkIjoiMTg1IiwiQ29sb3IiOnsiJGlkIjoiMTg2IiwiQSI6MjU1LCJSIjoyNiwiRyI6MTcwLCJCIjo2Nn19LCJJc1Zpc2libGUiOnRydWUsIldpZHRoIjowLjAsIkhlaWdodCI6MTYuMCwiQm9yZGVyU3R5bGUiOnsiJGlkIjoiMTg3IiwiTGluZUNvbG9yIjp7IiRyZWYiOiIxMDUifSwiTGluZVdlaWdodCI6MC4wLCJMaW5lVHlwZSI6MCwiUGFyZW50U3R5bGUiOnsiJHJlZiI6IjEwNCJ9fSwiUGFyZW50U3R5bGUiOnsiJHJlZiI6IjEwMSJ9fSwiVGl0bGVTdHlsZSI6eyIkaWQiOiIxODgiLCJGb250U2V0dGluZ3MiOnsiJGlkIjoiMT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MCIsIkxpbmVDb2xvciI6bnVsbCwiTGluZVdlaWdodCI6MC4wLCJMaW5lVHlwZSI6MCwiUGFyZW50U3R5bGUiOm51bGx9LCJQYXJlbnRTdHlsZSI6eyIkcmVmIjoiMTA3In19LCJEYXRlU3R5bGUiOnsiJGlkIjoiMTkxIiwiRm9udFNldHRpbmdzIjp7IiRpZCI6IjE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4IiwiTGluZUNvbG9yIjpudWxsLCJMaW5lV2VpZ2h0IjowLjAsIkxpbmVUeXBlIjowLCJQYXJlbnRTdHlsZSI6bnVsbH0sIlBhcmVudFN0eWxlIjp7IiRyZWYiOiI4MSJ9fSwiRHVyYXRpb25TdHlsZSI6eyIkaWQiOiIxOTkiLCJGb250U2V0dGluZ3MiOnsiJGlkIjoiMjA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xIiwiTGluZUNvbG9yIjpudWxsLCJMaW5lV2VpZ2h0IjowLjAsIkxpbmVUeXBlIjowLCJQYXJlbnRTdHlsZSI6bnVsbH0sIlBhcmVudFN0eWxlIjp7IiRyZWYiOiI4OCJ9fSwiSG9yaXpvbnRhbENvbm5lY3RvclN0eWxlIjp7IiRpZCI6IjIwMiIsIkxpbmVDb2xvciI6eyIkcmVmIjoiOTYifSwiTGluZVdlaWdodCI6MS4wLCJMaW5lVHlwZSI6MCwiUGFyZW50U3R5bGUiOnsiJHJlZiI6Ijk1In19LCJWZXJ0aWNhbENvbm5lY3RvclN0eWxlIjp7IiRpZCI6IjIw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NCIsIk1hcmdpbiI6eyIkcmVmIjoiMTAyIn0sIlBhZGRpbmciOnsiJHJlZiI6IjEwMyJ9LCJCYWNrZ3JvdW5kIjp7IiRpZCI6IjIwNSIsIkNvbG9yIjp7IiRpZCI6IjIwNiIsIkEiOjI1NSwiUiI6MiwiRyI6MTc4LCJCIjoyMzh9fSwiSXNWaXNpYmxlIjp0cnVlLCJXaWR0aCI6MC4wLCJIZWlnaHQiOjE2LjAsIkJvcmRlclN0eWxlIjp7IiRpZCI6IjIwNyIsIkxpbmVDb2xvciI6eyIkcmVmIjoiMTA1In0sIkxpbmVXZWlnaHQiOjAuMCwiTGluZVR5cGUiOjAsIlBhcmVudFN0eWxlIjp7IiRyZWYiOiIxMDQifX0sIlBhcmVudFN0eWxlIjp7IiRyZWYiOiIxMDEifX0sIlRpdGxlU3R5bGUiOnsiJGlkIjoiMjA4IiwiRm9udFNldHRpbmdzIjp7IiRpZCI6IjI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AiLCJMaW5lQ29sb3IiOm51bGwsIkxpbmVXZWlnaHQiOjAuMCwiTGluZVR5cGUiOjAsIlBhcmVudFN0eWxlIjpudWxsfSwiUGFyZW50U3R5bGUiOnsiJHJlZiI6IjEwNyJ9fSwiRGF0ZVN0eWxlIjp7IiRpZCI6IjIxMSIsIkZvbnRTZXR0aW5ncyI6eyIkaWQiOiIy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EuMCwiTGluZVR5cGUiOjAsIlBhcmVudFN0eWxlIjp7IiRyZWYiOiI5NSJ9fSwiVmVydGljYWxDb25uZWN0b3JTdHlsZSI6eyIkaWQiOiIyMj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jQiLCJNYXJnaW4iOnsiJHJlZiI6IjEwMiJ9LCJQYWRkaW5nIjp7IiRyZWYiOiIxMDMifSwiQmFja2dyb3VuZCI6eyIkaWQiOiIyMjUiLCJDb2xvciI6eyIkaWQiOiIyMjYiLCJBIjoyNTUsIlIiOjAsIkciOjExNCwiQiI6MTg4fX0sIklzVmlzaWJsZSI6dHJ1ZSwiV2lkdGgiOjAuMCwiSGVpZ2h0IjoxNi4w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wIiwiTGluZUNvbG9yIjpudWxsLCJMaW5lV2VpZ2h0IjowLjAsIkxpbmVUeXBlIjowLCJQYXJlbnRTdHlsZSI6bnVsbH0sIlBhcmVudFN0eWxlIjp7IiRyZWYiOiIxMDcifX0sIkRhdGVTdHlsZSI6eyIkaWQiOiIyMzEiLCJGb250U2V0dGluZ3MiOnsiJGlkIjoiMj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giLCJMaW5lQ29sb3IiOm51bGwsIkxpbmVXZWlnaHQiOjAuMCwiTGluZVR5cGUiOjAsIlBhcmVudFN0eWxlIjpudWxsfSwiUGFyZW50U3R5bGUiOnsiJHJlZiI6IjgxIn19LCJEdXJhdGlvblN0eWxlIjp7IiRpZCI6IjIzOSIsIkZvbnRTZXR0aW5ncyI6eyIkaWQiOiIy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EiLCJMaW5lQ29sb3IiOm51bGwsIkxpbmVXZWlnaHQiOjAuMCwiTGluZVR5cGUiOjAsIlBhcmVudFN0eWxlIjpudWxsfSwiUGFyZW50U3R5bGUiOnsiJHJlZiI6Ijg4In19LCJIb3Jpem9udGFsQ29ubmVjdG9yU3R5bGUiOnsiJGlkIjoiMjQyIiwiTGluZUNvbG9yIjp7IiRyZWYiOiI5NiJ9LCJMaW5lV2VpZ2h0IjoxLjAsIkxpbmVUeXBlIjowLCJQYXJlbnRTdHlsZSI6eyIkcmVmIjoiOTUifX0sIlZlcnRpY2FsQ29ubmVjdG9yU3R5bGUiOnsiJGlkIjoiMjQ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Q0IiwiTWFyZ2luIjp7IiRyZWYiOiIxMDIifSwiUGFkZGluZyI6eyIkcmVmIjoiMTAzIn0sIkJhY2tncm91bmQiOnsiJGlkIjoiMjQ1IiwiQ29sb3IiOnsiJGlkIjoiMjQ2IiwiQSI6MjU1LCJSIjoyMzQsIkciOjIyLCJCIjozMH19LCJJc1Zpc2libGUiOnRydWUsIldpZHRoIjowLjAsIkhlaWdodCI6MTYuMCwiQm9yZGVyU3R5bGUiOnsiJGlkIjoiMjQ3IiwiTGluZUNvbG9yIjp7IiRyZWYiOiIxMDUifSwiTGluZVdlaWdodCI6MC4wLCJMaW5lVHlwZSI6MCwiUGFyZW50U3R5bGUiOnsiJHJlZiI6IjEwNCJ9fSwiUGFyZW50U3R5bGUiOnsiJHJlZiI6IjEwMSJ9fSwiVGl0bGVTdHlsZSI6eyIkaWQiOiIyNDgiLCJGb250U2V0dGluZ3MiOnsiJGlkIjoiMjQ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MCIsIkxpbmVDb2xvciI6bnVsbCwiTGluZVdlaWdodCI6MC4wLCJMaW5lVHlwZSI6MCwiUGFyZW50U3R5bGUiOm51bGx9LCJQYXJlbnRTdHlsZSI6eyIkcmVmIjoiMTA3In19LCJEYXRlU3R5bGUiOnsiJGlkIjoiMjUxIiwiRm9udFNldHRpbmdzIjp7IiRpZCI6IjI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4IiwiTGluZUNvbG9yIjpudWxsLCJMaW5lV2VpZ2h0IjowLjAsIkxpbmVUeXBlIjowLCJQYXJlbnRTdHlsZSI6bnVsbH0sIlBhcmVudFN0eWxlIjp7IiRyZWYiOiI4MSJ9fSwiRHVyYXRpb25TdHlsZSI6eyIkaWQiOiIyNTkiLCJGb250U2V0dGluZ3MiOnsiJGlkIjoiMj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xIiwiTGluZUNvbG9yIjpudWxsLCJMaW5lV2VpZ2h0IjowLjAsIkxpbmVUeXBlIjowLCJQYXJlbnRTdHlsZSI6bnVsbH0sIlBhcmVudFN0eWxlIjp7IiRyZWYiOiI4OCJ9fSwiSG9yaXpvbnRhbENvbm5lY3RvclN0eWxlIjp7IiRpZCI6IjI2MiIsIkxpbmVDb2xvciI6eyIkcmVmIjoiOTYifSwiTGluZVdlaWdodCI6MS4wLCJMaW5lVHlwZSI6MCwiUGFyZW50U3R5bGUiOnsiJHJlZiI6Ijk1In19LCJWZXJ0aWNhbENvbm5lY3RvclN0eWxlIjp7IiRpZCI6IjI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NCIsIk1hcmdpbiI6eyIkcmVmIjoiMTAyIn0sIlBhZGRpbmciOnsiJHJlZiI6IjEwMyJ9LCJCYWNrZ3JvdW5kIjp7IiRpZCI6IjI2NSIsIkNvbG9yIjp7IiRpZCI6IjI2NiIsIkEiOjI1NSwiUiI6MTUwLCJHIjoyMTQsIkIiOjY2fX0sIklzVmlzaWJsZSI6dHJ1ZSwiV2lkdGgiOjAuMCwiSGVpZ2h0IjoxNi4wLCJCb3JkZXJTdHlsZSI6eyIkaWQiOiIyNjciLCJMaW5lQ29sb3IiOnsiJHJlZiI6IjEwNSJ9LCJMaW5lV2VpZ2h0IjowLjAsIkxpbmVUeXBlIjowLCJQYXJlbnRTdHlsZSI6eyIkcmVmIjoiMTA0In19LCJQYXJlbnRTdHlsZSI6eyIkcmVmIjoiMTAxIn19LCJUaXRsZVN0eWxlIjp7IiRpZCI6IjI2OCIsIkZvbnRTZXR0aW5ncyI6eyIkaWQiOiIy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5NmU3MmQ2LWI3MWEtNDg5Ni04NzZlLWNiZjUwM2I4ZjIwMCIsIkltcG9ydElkIjpudWxsLCJUaXRsZSI6IuC4p+C4tOC5gOC4hOC4o+C4suC4sOC4q+C5jOC4nOC4peC4guC4reC4h+C4o+C4sOC4muC4miIsIk5vdGUiOm51bGwsIkh5cGVybGluayI6bnVsbCwiSXNDaGFuZ2VkIjpmYWxzZSwiSXNOZXciOmZhbHNlfSx7IiRpZCI6IjI3NCIsIkdyb3VwTmFtZSI6bnVsbCwiU3RhcnREYXRlIjoiMjAxOC0wMy0wMVQwMDowMDowMFoiLCJFbmREYXRlIjoiMjAxOC0wNC0zMFQyMzo1OTowMCIsIlBlcmNlbnRhZ2VDb21wbGV0ZSI6bnVsbCwiU3R5bGUiOnsiJGlkIjoiMjc1IiwiU2hhcGUiOjI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0IiwiTWFyZ2luIjp7IiRyZWYiOiIxMDIifSwiUGFkZGluZyI6eyIkcmVmIjoiMTAzIn0sIkJhY2tncm91bmQiOnsiJGlkIjoiMjg1IiwiQ29sb3IiOnsiJGlkIjoiMjg2IiwiQSI6MjU1LCJSIjoxMTEsIkciOjQ5LCJCIjoxNTJ9fSwiSXNWaXNpYmxlIjp0cnVlLCJXaWR0aCI6MC4wLCJIZWlnaHQiOjE2LjAsIkJvcmRlclN0eWxlIjp7IiRpZCI6IjI4NyIsIkxpbmVDb2xvciI6eyIkcmVmIjoiMTA1In0sIkxpbmVXZWlnaHQiOjAuMCwiTGluZVR5cGUiOjAsIlBhcmVudFN0eWxlIjp7IiRyZWYiOiIxMDQifX0sIlBhcmVudFN0eWxlIjp7IiRyZWYiOiIxMDEifX0sIlRpdGxlU3R5bGUiOnsiJGlkIjoiMjg4IiwiRm9udFNldHRpbmdzIjp7IiRpZCI6IjI4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AiLCJMaW5lQ29sb3IiOm51bGwsIkxpbmVXZWlnaHQiOjAuMCwiTGluZVR5cGUiOjAsIlBhcmVudFN0eWxlIjpudWxsfSwiUGFyZW50U3R5bGUiOnsiJHJlZiI6IjEwNyJ9fSwiRGF0ZVN0eWxlIjp7IiRpZCI6IjI5MSIsIkZvbnRTZXR0aW5ncyI6eyIkaWQiOiIyO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NWYwZjJmMjUtNTQzYy00NzA0LThjMGQtOGIzNGFiZjE2NTc2IiwiSW1wb3J0SWQiOm51bGwsIlRpdGxlIjoi4Lib4Lij4Lix4Lia4Lib4Lij4Li44LiH4LmB4Lil4Liw4LmB4LiB4LmJ4LmE4LiC4Liq4LmI4Lin4LiZ4LiX4Li14LmI4Lic4Li04LiU4Lie4Lil4Liy4LiUIiwiTm90ZSI6bnVsbCwiSHlwZXJsaW5rIjpudWxsLCJJc0NoYW5nZWQiOmZhbHNlLCJJc05ldyI6ZmFsc2V9LHsiJGlkIjoiMjk0IiwiR3JvdXBOYW1lIjpudWxsLCJTdGFydERhdGUiOiIyMDE4LTA1LTAxVDAwOjAwOjAwWiIsIkVuZERhdGUiOiIyMDE4LTA1LTMxVDIzOjU5OjAwIiwiUGVyY2VudGFnZUNvbXBsZXRlIjpudWxsLCJTdHlsZSI6eyIkaWQiOiIyOTUiLCJTaGFwZSI6Mi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CIsIkxpbmVDb2xvciI6bnVsbCwiTGluZVdlaWdodCI6MC4wLCJMaW5lVHlwZSI6MCwiUGFyZW50U3R5bGUiOm51bGx9LCJQYXJlbnRTdHlsZSI6eyIkcmVmIjoiODEifX0sIkR1cmF0aW9uU3R5bGUiOnsiJGlkIjoiMjk5IiwiRm9udFNldHRpbmdzIjp7IiRpZCI6IjM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MSIsIkxpbmVDb2xvciI6bnVsbCwiTGluZVdlaWdodCI6MC4wLCJMaW5lVHlwZSI6MCwiUGFyZW50U3R5bGUiOm51bGx9LCJQYXJlbnRTdHlsZSI6eyIkcmVmIjoiODgifX0sIkhvcml6b250YWxDb25uZWN0b3JTdHlsZSI6eyIkaWQiOiIzMDIiLCJMaW5lQ29sb3IiOnsiJHJlZiI6Ijk2In0sIkxpbmVXZWlnaHQiOjEuMCwiTGluZVR5cGUiOjAsIlBhcmVudFN0eWxlIjp7IiRyZWYiOiI5NSJ9fSwiVmVydGljYWxDb25uZWN0b3JTdHlsZSI6eyIkaWQiOiIzMD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QiLCJNYXJnaW4iOnsiJHJlZiI6IjEwMiJ9LCJQYWRkaW5nIjp7IiRyZWYiOiIxMDMifSwiQmFja2dyb3VuZCI6eyIkaWQiOiIzMDUiLCJDb2xvciI6eyIkaWQiOiIzMDYiLCJBIjoyNTUsIlIiOjY0LCJHIjo2NCwiQiI6NjR9fSwiSXNWaXNpYmxlIjp0cnVlLCJXaWR0aCI6MC4wLCJIZWlnaHQiOjE2LjAsIkJvcmRlclN0eWxlIjp7IiRpZCI6IjMwNyIsIkxpbmVDb2xvciI6eyIkcmVmIjoiMTA1In0sIkxpbmVXZWlnaHQiOjAuMCwiTGluZVR5cGUiOjAsIlBhcmVudFN0eWxlIjp7IiRyZWYiOiIxMDQifX0sIlBhcmVudFN0eWxlIjp7IiRyZWYiOiIxMDEifX0sIlRpdGxlU3R5bGUiOnsiJGlkIjoiMzA4IiwiRm9udFNldHRpbmdzIjp7IiRpZCI6IjM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AiLCJMaW5lQ29sb3IiOm51bGwsIkxpbmVXZWlnaHQiOjAuMCwiTGluZVR5cGUiOjAsIlBhcmVudFN0eWxlIjpudWxsfSwiUGFyZW50U3R5bGUiOnsiJHJlZiI6IjEwNyJ9fSwiRGF0ZVN0eWxlIjp7IiRpZCI6IjMxMSIsIkZvbnRTZXR0aW5ncyI6eyIkaWQiOiIz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ZjI3Mzg3NTktYjMwNy00MWMxLWEwNTUtMDI1ODZjOWQwZTI0IiwiSW1wb3J0SWQiOm51bGwsIlRpdGxlIjoi4Liq4Lij4Li44Lib4Lic4Lil4LiC4Lit4LiH4LmC4LiE4Lij4LiH4LiH4Liy4LiZIiwiTm90ZSI6bnVsbCwiSHlwZXJsaW5rIjpudWxsLCJJc0NoYW5nZWQiOmZhbHNlLCJJc05ldyI6ZmFsc2V9XSwiTXNQcm9qZWN0SXRlbXNUcmVlIjp7IiRpZCI6IjMxNCIsIlJvb3QiOnsiSW1wb3J0SWQiOm51bGwsIklzSW1wb3J0ZWQiOmZhbHNlLCJDaGlsZHJlbiI6W119fSwiTWV0YWRhdGEiOnsiJGlkIjoiMzE1In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x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GgtVEgiLCJTdHlsZU5hbWUiOiJTdGFuZGFyZCIsIklzVGVtcGxhdGUiOmZhbHNlLCJWZXJzaW9uIjp7IiRpZCI6IjIiLCJWZXJzaW9uIjoiMy4xLjAiLCJPcmlnaW5hbEFzc2VtYmx5VmVyc2lvbiI6IjMuMTY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xMjcsIlRvZGF5TWFya2VyVGV4dCI6IlRvZGF5IiwiQXV0b1NjYWxlVHlwZSI6dHJ1ZX0sIk1pbGVzdG9uZXMiOlt7IiRpZCI6IjEyNCIsIkRhdGUiOiIyMDE3LTA4LTAx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E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E5OSwiRyI6OTQsIkIiOj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U4IiwiTGluZUNvbG9yIjpudWxsLCJMaW5lV2VpZ2h0IjowLjAsIkxpbmVUeXBlIjowLCJQYXJlbnRTdHlsZSI6bnVsbH0sIlBhcmVudFN0eWxlIjp7IiRyZWYiOiI4MSJ9fSwiRHVyYXRpb25TdHlsZSI6eyIkaWQiOiIxNTkiLCJGb250U2V0dGluZ3MiOnsiJGlkIjoiMT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xIiwiTGluZUNvbG9yIjpudWxsLCJMaW5lV2VpZ2h0IjowLjAsIkxpbmVUeXBlIjowLCJQYXJlbnRTdHlsZSI6bnVsbH0sIlBhcmVudFN0eWxlIjp7IiRyZWYiOiI4OCJ9fSwiSG9yaXpvbnRhbENvbm5lY3RvclN0eWxlIjp7IiRpZCI6IjE2MiIsIkxpbmVDb2xvciI6eyIkcmVmIjoiOTYifSwiTGluZVdlaWdodCI6MS4wLCJMaW5lVHlwZSI6MCwiUGFyZW50U3R5bGUiOnsiJHJlZiI6Ijk1In19LCJWZXJ0aWNhbENvbm5lY3RvclN0eWxlIjp7IiRpZCI6IjE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2NCIsIk1hcmdpbiI6eyIkcmVmIjoiMTAyIn0sIlBhZGRpbmciOnsiJHJlZiI6IjEwMyJ9LCJCYWNrZ3JvdW5kIjp7IiRpZCI6IjE2NSIsIkNvbG9yIjp7IiRpZCI6IjE2NiIsIkEiOjI1NSwiUiI6MjU0LCJHIjoxODYsIkIiOjEwfX0sIklzVmlzaWJsZSI6dHJ1ZSwiV2lkdGgiOjAuMCwiSGVpZ2h0IjoxNi4wLCJCb3JkZXJTdHlsZSI6eyIkaWQiOiIxNjciLCJMaW5lQ29sb3IiOnsiJHJlZiI6IjEwNSJ9LCJMaW5lV2VpZ2h0IjowLjAsIkxpbmVUeXBlIjowLCJQYXJlbnRTdHlsZSI6eyIkcmVmIjoiMTA0In19LCJQYXJlbnRTdHlsZSI6eyIkcmVmIjoiMTAxIn19LCJUaXRsZVN0eWxlIjp7IiRpZCI6IjE2OCIsIkZvbnRTZXR0aW5ncyI6eyIkaWQiOiIx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wIiwiTGluZUNvbG9yIjpudWxsLCJMaW5lV2VpZ2h0IjowLjAsIkxpbmVUeXBlIjowLCJQYXJlbnRTdHlsZSI6bnVsbH0sIlBhcmVudFN0eWxlIjp7IiRyZWYiOiIxMDcifX0sIkRhdGVTdHlsZSI6eyIkaWQiOiIxNzEiLCJGb250U2V0dGluZ3MiOnsiJGlkIjoiMT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giLCJMaW5lQ29sb3IiOm51bGwsIkxpbmVXZWlnaHQiOjAuMCwiTGluZVR5cGUiOjAsIlBhcmVudFN0eWxlIjpudWxsfSwiUGFyZW50U3R5bGUiOnsiJHJlZiI6IjgxIn19LCJEdXJhdGlvblN0eWxlIjp7IiRpZCI6IjE3OSIsIkZvbnRTZXR0aW5ncyI6eyIkaWQiOiIx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EiLCJMaW5lQ29sb3IiOm51bGwsIkxpbmVXZWlnaHQiOjAuMCwiTGluZVR5cGUiOjAsIlBhcmVudFN0eWxlIjpudWxsfSwiUGFyZW50U3R5bGUiOnsiJHJlZiI6Ijg4In19LCJIb3Jpem9udGFsQ29ubmVjdG9yU3R5bGUiOnsiJGlkIjoiMTgyIiwiTGluZUNvbG9yIjp7IiRyZWYiOiI5NiJ9LCJMaW5lV2VpZ2h0IjoxLjAsIkxpbmVUeXBlIjowLCJQYXJlbnRTdHlsZSI6eyIkcmVmIjoiOTUifX0sIlZlcnRpY2FsQ29ubmVjdG9yU3R5bGUiOnsiJGlkIjoiMT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0IiwiTWFyZ2luIjp7IiRyZWYiOiIxMDIifSwiUGFkZGluZyI6eyIkcmVmIjoiMTAzIn0sIkJhY2tncm91bmQiOnsiJGlkIjoiMTg1IiwiQ29sb3IiOnsiJGlkIjoiMTg2IiwiQSI6MjU1LCJSIjoyNiwiRyI6MTcwLCJCIjo2Nn19LCJJc1Zpc2libGUiOnRydWUsIldpZHRoIjowLjAsIkhlaWdodCI6MTYuMCwiQm9yZGVyU3R5bGUiOnsiJGlkIjoiMTg3IiwiTGluZUNvbG9yIjp7IiRyZWYiOiIxMDUifSwiTGluZVdlaWdodCI6MC4wLCJMaW5lVHlwZSI6MCwiUGFyZW50U3R5bGUiOnsiJHJlZiI6IjEwNCJ9fSwiUGFyZW50U3R5bGUiOnsiJHJlZiI6IjEwMSJ9fSwiVGl0bGVTdHlsZSI6eyIkaWQiOiIxODgiLCJGb250U2V0dGluZ3MiOnsiJGlkIjoiMT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MCIsIkxpbmVDb2xvciI6bnVsbCwiTGluZVdlaWdodCI6MC4wLCJMaW5lVHlwZSI6MCwiUGFyZW50U3R5bGUiOm51bGx9LCJQYXJlbnRTdHlsZSI6eyIkcmVmIjoiMTA3In19LCJEYXRlU3R5bGUiOnsiJGlkIjoiMTkxIiwiRm9udFNldHRpbmdzIjp7IiRpZCI6IjE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4IiwiTGluZUNvbG9yIjpudWxsLCJMaW5lV2VpZ2h0IjowLjAsIkxpbmVUeXBlIjowLCJQYXJlbnRTdHlsZSI6bnVsbH0sIlBhcmVudFN0eWxlIjp7IiRyZWYiOiI4MSJ9fSwiRHVyYXRpb25TdHlsZSI6eyIkaWQiOiIxOTkiLCJGb250U2V0dGluZ3MiOnsiJGlkIjoiMjA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xIiwiTGluZUNvbG9yIjpudWxsLCJMaW5lV2VpZ2h0IjowLjAsIkxpbmVUeXBlIjowLCJQYXJlbnRTdHlsZSI6bnVsbH0sIlBhcmVudFN0eWxlIjp7IiRyZWYiOiI4OCJ9fSwiSG9yaXpvbnRhbENvbm5lY3RvclN0eWxlIjp7IiRpZCI6IjIwMiIsIkxpbmVDb2xvciI6eyIkcmVmIjoiOTYifSwiTGluZVdlaWdodCI6MS4wLCJMaW5lVHlwZSI6MCwiUGFyZW50U3R5bGUiOnsiJHJlZiI6Ijk1In19LCJWZXJ0aWNhbENvbm5lY3RvclN0eWxlIjp7IiRpZCI6IjIw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NCIsIk1hcmdpbiI6eyIkcmVmIjoiMTAyIn0sIlBhZGRpbmciOnsiJHJlZiI6IjEwMyJ9LCJCYWNrZ3JvdW5kIjp7IiRpZCI6IjIwNSIsIkNvbG9yIjp7IiRpZCI6IjIwNiIsIkEiOjI1NSwiUiI6MiwiRyI6MTc4LCJCIjoyMzh9fSwiSXNWaXNpYmxlIjp0cnVlLCJXaWR0aCI6MC4wLCJIZWlnaHQiOjE2LjAsIkJvcmRlclN0eWxlIjp7IiRpZCI6IjIwNyIsIkxpbmVDb2xvciI6eyIkcmVmIjoiMTA1In0sIkxpbmVXZWlnaHQiOjAuMCwiTGluZVR5cGUiOjAsIlBhcmVudFN0eWxlIjp7IiRyZWYiOiIxMDQifX0sIlBhcmVudFN0eWxlIjp7IiRyZWYiOiIxMDEifX0sIlRpdGxlU3R5bGUiOnsiJGlkIjoiMjA4IiwiRm9udFNldHRpbmdzIjp7IiRpZCI6IjI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AiLCJMaW5lQ29sb3IiOm51bGwsIkxpbmVXZWlnaHQiOjAuMCwiTGluZVR5cGUiOjAsIlBhcmVudFN0eWxlIjpudWxsfSwiUGFyZW50U3R5bGUiOnsiJHJlZiI6IjEwNyJ9fSwiRGF0ZVN0eWxlIjp7IiRpZCI6IjIxMSIsIkZvbnRTZXR0aW5ncyI6eyIkaWQiOiIy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EuMCwiTGluZVR5cGUiOjAsIlBhcmVudFN0eWxlIjp7IiRyZWYiOiI5NSJ9fSwiVmVydGljYWxDb25uZWN0b3JTdHlsZSI6eyIkaWQiOiIyMj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jQiLCJNYXJnaW4iOnsiJHJlZiI6IjEwMiJ9LCJQYWRkaW5nIjp7IiRyZWYiOiIxMDMifSwiQmFja2dyb3VuZCI6eyIkaWQiOiIyMjUiLCJDb2xvciI6eyIkaWQiOiIyMjYiLCJBIjoyNTUsIlIiOjAsIkciOjExNCwiQiI6MTg4fX0sIklzVmlzaWJsZSI6dHJ1ZSwiV2lkdGgiOjAuMCwiSGVpZ2h0IjoxNi4w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wIiwiTGluZUNvbG9yIjpudWxsLCJMaW5lV2VpZ2h0IjowLjAsIkxpbmVUeXBlIjowLCJQYXJlbnRTdHlsZSI6bnVsbH0sIlBhcmVudFN0eWxlIjp7IiRyZWYiOiIxMDcifX0sIkRhdGVTdHlsZSI6eyIkaWQiOiIyMzEiLCJGb250U2V0dGluZ3MiOnsiJGlkIjoiMj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giLCJMaW5lQ29sb3IiOm51bGwsIkxpbmVXZWlnaHQiOjAuMCwiTGluZVR5cGUiOjAsIlBhcmVudFN0eWxlIjpudWxsfSwiUGFyZW50U3R5bGUiOnsiJHJlZiI6IjgxIn19LCJEdXJhdGlvblN0eWxlIjp7IiRpZCI6IjIzOSIsIkZvbnRTZXR0aW5ncyI6eyIkaWQiOiIy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EiLCJMaW5lQ29sb3IiOm51bGwsIkxpbmVXZWlnaHQiOjAuMCwiTGluZVR5cGUiOjAsIlBhcmVudFN0eWxlIjpudWxsfSwiUGFyZW50U3R5bGUiOnsiJHJlZiI6Ijg4In19LCJIb3Jpem9udGFsQ29ubmVjdG9yU3R5bGUiOnsiJGlkIjoiMjQyIiwiTGluZUNvbG9yIjp7IiRyZWYiOiI5NiJ9LCJMaW5lV2VpZ2h0IjoxLjAsIkxpbmVUeXBlIjowLCJQYXJlbnRTdHlsZSI6eyIkcmVmIjoiOTUifX0sIlZlcnRpY2FsQ29ubmVjdG9yU3R5bGUiOnsiJGlkIjoiMjQ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Q0IiwiTWFyZ2luIjp7IiRyZWYiOiIxMDIifSwiUGFkZGluZyI6eyIkcmVmIjoiMTAzIn0sIkJhY2tncm91bmQiOnsiJGlkIjoiMjQ1IiwiQ29sb3IiOnsiJGlkIjoiMjQ2IiwiQSI6MjU1LCJSIjoyMzQsIkciOjIyLCJCIjozMH19LCJJc1Zpc2libGUiOnRydWUsIldpZHRoIjowLjAsIkhlaWdodCI6MTYuMCwiQm9yZGVyU3R5bGUiOnsiJGlkIjoiMjQ3IiwiTGluZUNvbG9yIjp7IiRyZWYiOiIxMDUifSwiTGluZVdlaWdodCI6MC4wLCJMaW5lVHlwZSI6MCwiUGFyZW50U3R5bGUiOnsiJHJlZiI6IjEwNCJ9fSwiUGFyZW50U3R5bGUiOnsiJHJlZiI6IjEwMSJ9fSwiVGl0bGVTdHlsZSI6eyIkaWQiOiIyNDgiLCJGb250U2V0dGluZ3MiOnsiJGlkIjoiMjQ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MCIsIkxpbmVDb2xvciI6bnVsbCwiTGluZVdlaWdodCI6MC4wLCJMaW5lVHlwZSI6MCwiUGFyZW50U3R5bGUiOm51bGx9LCJQYXJlbnRTdHlsZSI6eyIkcmVmIjoiMTA3In19LCJEYXRlU3R5bGUiOnsiJGlkIjoiMjUxIiwiRm9udFNldHRpbmdzIjp7IiRpZCI6IjI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4IiwiTGluZUNvbG9yIjpudWxsLCJMaW5lV2VpZ2h0IjowLjAsIkxpbmVUeXBlIjowLCJQYXJlbnRTdHlsZSI6bnVsbH0sIlBhcmVudFN0eWxlIjp7IiRyZWYiOiI4MSJ9fSwiRHVyYXRpb25TdHlsZSI6eyIkaWQiOiIyNTkiLCJGb250U2V0dGluZ3MiOnsiJGlkIjoiMj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xIiwiTGluZUNvbG9yIjpudWxsLCJMaW5lV2VpZ2h0IjowLjAsIkxpbmVUeXBlIjowLCJQYXJlbnRTdHlsZSI6bnVsbH0sIlBhcmVudFN0eWxlIjp7IiRyZWYiOiI4OCJ9fSwiSG9yaXpvbnRhbENvbm5lY3RvclN0eWxlIjp7IiRpZCI6IjI2MiIsIkxpbmVDb2xvciI6eyIkcmVmIjoiOTYifSwiTGluZVdlaWdodCI6MS4wLCJMaW5lVHlwZSI6MCwiUGFyZW50U3R5bGUiOnsiJHJlZiI6Ijk1In19LCJWZXJ0aWNhbENvbm5lY3RvclN0eWxlIjp7IiRpZCI6IjI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NCIsIk1hcmdpbiI6eyIkcmVmIjoiMTAyIn0sIlBhZGRpbmciOnsiJHJlZiI6IjEwMyJ9LCJCYWNrZ3JvdW5kIjp7IiRpZCI6IjI2NSIsIkNvbG9yIjp7IiRpZCI6IjI2NiIsIkEiOjI1NSwiUiI6MTUwLCJHIjoyMTQsIkIiOjY2fX0sIklzVmlzaWJsZSI6dHJ1ZSwiV2lkdGgiOjAuMCwiSGVpZ2h0IjoxNi4wLCJCb3JkZXJTdHlsZSI6eyIkaWQiOiIyNjciLCJMaW5lQ29sb3IiOnsiJHJlZiI6IjEwNSJ9LCJMaW5lV2VpZ2h0IjowLjAsIkxpbmVUeXBlIjowLCJQYXJlbnRTdHlsZSI6eyIkcmVmIjoiMTA0In19LCJQYXJlbnRTdHlsZSI6eyIkcmVmIjoiMTAxIn19LCJUaXRsZVN0eWxlIjp7IiRpZCI6IjI2OCIsIkZvbnRTZXR0aW5ncyI6eyIkaWQiOiIy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5NmU3MmQ2LWI3MWEtNDg5Ni04NzZlLWNiZjUwM2I4ZjIwMCIsIkltcG9ydElkIjpudWxsLCJUaXRsZSI6IuC4p+C4tOC5gOC4hOC4o+C4suC4sOC4q+C5jOC4nOC4peC4guC4reC4h+C4o+C4sOC4muC4miIsIk5vdGUiOm51bGwsIkh5cGVybGluayI6bnVsbCwiSXNDaGFuZ2VkIjpmYWxzZSwiSXNOZXciOmZhbHNlfSx7IiRpZCI6IjI3NCIsIkdyb3VwTmFtZSI6bnVsbCwiU3RhcnREYXRlIjoiMjAxOC0wMy0wMVQwMDowMDowMFoiLCJFbmREYXRlIjoiMjAxOC0wNC0zMFQyMzo1OTowMCIsIlBlcmNlbnRhZ2VDb21wbGV0ZSI6bnVsbCwiU3R5bGUiOnsiJGlkIjoiMjc1IiwiU2hhcGUiOjI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0IiwiTWFyZ2luIjp7IiRyZWYiOiIxMDIifSwiUGFkZGluZyI6eyIkcmVmIjoiMTAzIn0sIkJhY2tncm91bmQiOnsiJGlkIjoiMjg1IiwiQ29sb3IiOnsiJGlkIjoiMjg2IiwiQSI6MjU1LCJSIjoxMTEsIkciOjQ5LCJCIjoxNTJ9fSwiSXNWaXNpYmxlIjp0cnVlLCJXaWR0aCI6MC4wLCJIZWlnaHQiOjE2LjAsIkJvcmRlclN0eWxlIjp7IiRpZCI6IjI4NyIsIkxpbmVDb2xvciI6eyIkcmVmIjoiMTA1In0sIkxpbmVXZWlnaHQiOjAuMCwiTGluZVR5cGUiOjAsIlBhcmVudFN0eWxlIjp7IiRyZWYiOiIxMDQifX0sIlBhcmVudFN0eWxlIjp7IiRyZWYiOiIxMDEifX0sIlRpdGxlU3R5bGUiOnsiJGlkIjoiMjg4IiwiRm9udFNldHRpbmdzIjp7IiRpZCI6IjI4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AiLCJMaW5lQ29sb3IiOm51bGwsIkxpbmVXZWlnaHQiOjAuMCwiTGluZVR5cGUiOjAsIlBhcmVudFN0eWxlIjpudWxsfSwiUGFyZW50U3R5bGUiOnsiJHJlZiI6IjEwNyJ9fSwiRGF0ZVN0eWxlIjp7IiRpZCI6IjI5MSIsIkZvbnRTZXR0aW5ncyI6eyIkaWQiOiIyO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NWYwZjJmMjUtNTQzYy00NzA0LThjMGQtOGIzNGFiZjE2NTc2IiwiSW1wb3J0SWQiOm51bGwsIlRpdGxlIjoi4Lib4Lij4Lix4Lia4Lib4Lij4Li44LiH4LmB4Lil4Liw4LmB4LiB4LmJ4LmE4LiC4Liq4LmI4Lin4LiZ4LiX4Li14LmI4Lic4Li04LiU4Lie4Lil4Liy4LiUIiwiTm90ZSI6bnVsbCwiSHlwZXJsaW5rIjpudWxsLCJJc0NoYW5nZWQiOmZhbHNlLCJJc05ldyI6ZmFsc2V9LHsiJGlkIjoiMjk0IiwiR3JvdXBOYW1lIjpudWxsLCJTdGFydERhdGUiOiIyMDE4LTA1LTAxVDAwOjAwOjAwWiIsIkVuZERhdGUiOiIyMDE4LTA1LTMxVDIzOjU5OjAwIiwiUGVyY2VudGFnZUNvbXBsZXRlIjpudWxsLCJTdHlsZSI6eyIkaWQiOiIyOTUiLCJTaGFwZSI6Mi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CIsIkxpbmVDb2xvciI6bnVsbCwiTGluZVdlaWdodCI6MC4wLCJMaW5lVHlwZSI6MCwiUGFyZW50U3R5bGUiOm51bGx9LCJQYXJlbnRTdHlsZSI6eyIkcmVmIjoiODEifX0sIkR1cmF0aW9uU3R5bGUiOnsiJGlkIjoiMjk5IiwiRm9udFNldHRpbmdzIjp7IiRpZCI6IjM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MSIsIkxpbmVDb2xvciI6bnVsbCwiTGluZVdlaWdodCI6MC4wLCJMaW5lVHlwZSI6MCwiUGFyZW50U3R5bGUiOm51bGx9LCJQYXJlbnRTdHlsZSI6eyIkcmVmIjoiODgifX0sIkhvcml6b250YWxDb25uZWN0b3JTdHlsZSI6eyIkaWQiOiIzMDIiLCJMaW5lQ29sb3IiOnsiJHJlZiI6Ijk2In0sIkxpbmVXZWlnaHQiOjEuMCwiTGluZVR5cGUiOjAsIlBhcmVudFN0eWxlIjp7IiRyZWYiOiI5NSJ9fSwiVmVydGljYWxDb25uZWN0b3JTdHlsZSI6eyIkaWQiOiIzMD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QiLCJNYXJnaW4iOnsiJHJlZiI6IjEwMiJ9LCJQYWRkaW5nIjp7IiRyZWYiOiIxMDMifSwiQmFja2dyb3VuZCI6eyIkaWQiOiIzMDUiLCJDb2xvciI6eyIkaWQiOiIzMDYiLCJBIjoyNTUsIlIiOjY0LCJHIjo2NCwiQiI6NjR9fSwiSXNWaXNpYmxlIjp0cnVlLCJXaWR0aCI6MC4wLCJIZWlnaHQiOjE2LjAsIkJvcmRlclN0eWxlIjp7IiRpZCI6IjMwNyIsIkxpbmVDb2xvciI6eyIkcmVmIjoiMTA1In0sIkxpbmVXZWlnaHQiOjAuMCwiTGluZVR5cGUiOjAsIlBhcmVudFN0eWxlIjp7IiRyZWYiOiIxMDQifX0sIlBhcmVudFN0eWxlIjp7IiRyZWYiOiIxMDEifX0sIlRpdGxlU3R5bGUiOnsiJGlkIjoiMzA4IiwiRm9udFNldHRpbmdzIjp7IiRpZCI6IjM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AiLCJMaW5lQ29sb3IiOm51bGwsIkxpbmVXZWlnaHQiOjAuMCwiTGluZVR5cGUiOjAsIlBhcmVudFN0eWxlIjpudWxsfSwiUGFyZW50U3R5bGUiOnsiJHJlZiI6IjEwNyJ9fSwiRGF0ZVN0eWxlIjp7IiRpZCI6IjMxMSIsIkZvbnRTZXR0aW5ncyI6eyIkaWQiOiIz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ZjI3Mzg3NTktYjMwNy00MWMxLWEwNTUtMDI1ODZjOWQwZTI0IiwiSW1wb3J0SWQiOm51bGwsIlRpdGxlIjoi4Liq4Lij4Li44Lib4Lic4Lil4LiC4Lit4LiH4LmC4LiE4Lij4LiH4LiH4Liy4LiZIiwiTm90ZSI6bnVsbCwiSHlwZXJsaW5rIjpudWxsLCJJc0NoYW5nZWQiOmZhbHNlLCJJc05ldyI6ZmFsc2V9XSwiTXNQcm9qZWN0SXRlbXNUcmVlIjp7IiRpZCI6IjMxNCIsIlJvb3QiOnsiSW1wb3J0SWQiOm51bGwsIklzSW1wb3J0ZWQiOmZhbHNlLCJDaGlsZHJlbiI6W119fSwiTWV0YWRhdGEiOnsiJGlkIjoiMzE1In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xOCIsIlVzZVRpbWUiOmZhbHNlLCJXb3JrRGF5U3RhcnQiOiIwMDowMDowMCIsIldvcmtEYXlFbmQiOiIyMzo1OTowMCJ9fQ=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plate">
  <a:themeElements>
    <a:clrScheme name="template 4">
      <a:dk1>
        <a:srgbClr val="4D4D4D"/>
      </a:dk1>
      <a:lt1>
        <a:srgbClr val="FFFFFF"/>
      </a:lt1>
      <a:dk2>
        <a:srgbClr val="000000"/>
      </a:dk2>
      <a:lt2>
        <a:srgbClr val="9B6902"/>
      </a:lt2>
      <a:accent1>
        <a:srgbClr val="C75E00"/>
      </a:accent1>
      <a:accent2>
        <a:srgbClr val="FED416"/>
      </a:accent2>
      <a:accent3>
        <a:srgbClr val="FFFFFF"/>
      </a:accent3>
      <a:accent4>
        <a:srgbClr val="404040"/>
      </a:accent4>
      <a:accent5>
        <a:srgbClr val="E0B6AA"/>
      </a:accent5>
      <a:accent6>
        <a:srgbClr val="E6C013"/>
      </a:accent6>
      <a:hlink>
        <a:srgbClr val="EE6600"/>
      </a:hlink>
      <a:folHlink>
        <a:srgbClr val="EAEAEA"/>
      </a:folHlink>
    </a:clrScheme>
    <a:fontScheme name="template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ru-RU" altLang="th-TH" sz="18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ru-RU" altLang="th-TH" sz="18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</a:defRPr>
        </a:defPPr>
      </a:lstStyle>
    </a:lnDef>
  </a:objectDefaults>
  <a:extraClrSchemeLst>
    <a:extraClrScheme>
      <a:clrScheme name="template 1">
        <a:dk1>
          <a:srgbClr val="4D4D4D"/>
        </a:dk1>
        <a:lt1>
          <a:srgbClr val="FFFFFF"/>
        </a:lt1>
        <a:dk2>
          <a:srgbClr val="000000"/>
        </a:dk2>
        <a:lt2>
          <a:srgbClr val="D5E1F3"/>
        </a:lt2>
        <a:accent1>
          <a:srgbClr val="BC4417"/>
        </a:accent1>
        <a:accent2>
          <a:srgbClr val="CF9C1C"/>
        </a:accent2>
        <a:accent3>
          <a:srgbClr val="FFFFFF"/>
        </a:accent3>
        <a:accent4>
          <a:srgbClr val="404040"/>
        </a:accent4>
        <a:accent5>
          <a:srgbClr val="DAB0AB"/>
        </a:accent5>
        <a:accent6>
          <a:srgbClr val="BB8D18"/>
        </a:accent6>
        <a:hlink>
          <a:srgbClr val="E8C97C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2">
        <a:dk1>
          <a:srgbClr val="4D4D4D"/>
        </a:dk1>
        <a:lt1>
          <a:srgbClr val="FFFFFF"/>
        </a:lt1>
        <a:dk2>
          <a:srgbClr val="000000"/>
        </a:dk2>
        <a:lt2>
          <a:srgbClr val="986615"/>
        </a:lt2>
        <a:accent1>
          <a:srgbClr val="BF4413"/>
        </a:accent1>
        <a:accent2>
          <a:srgbClr val="FFAB21"/>
        </a:accent2>
        <a:accent3>
          <a:srgbClr val="FFFFFF"/>
        </a:accent3>
        <a:accent4>
          <a:srgbClr val="404040"/>
        </a:accent4>
        <a:accent5>
          <a:srgbClr val="DCB0AA"/>
        </a:accent5>
        <a:accent6>
          <a:srgbClr val="E79B1D"/>
        </a:accent6>
        <a:hlink>
          <a:srgbClr val="C5A379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3">
        <a:dk1>
          <a:srgbClr val="4D4D4D"/>
        </a:dk1>
        <a:lt1>
          <a:srgbClr val="FFFFFF"/>
        </a:lt1>
        <a:dk2>
          <a:srgbClr val="000000"/>
        </a:dk2>
        <a:lt2>
          <a:srgbClr val="4A1B17"/>
        </a:lt2>
        <a:accent1>
          <a:srgbClr val="C66C00"/>
        </a:accent1>
        <a:accent2>
          <a:srgbClr val="FED416"/>
        </a:accent2>
        <a:accent3>
          <a:srgbClr val="FFFFFF"/>
        </a:accent3>
        <a:accent4>
          <a:srgbClr val="404040"/>
        </a:accent4>
        <a:accent5>
          <a:srgbClr val="DFBAAA"/>
        </a:accent5>
        <a:accent6>
          <a:srgbClr val="E6C013"/>
        </a:accent6>
        <a:hlink>
          <a:srgbClr val="FFDE93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4">
        <a:dk1>
          <a:srgbClr val="4D4D4D"/>
        </a:dk1>
        <a:lt1>
          <a:srgbClr val="FFFFFF"/>
        </a:lt1>
        <a:dk2>
          <a:srgbClr val="000000"/>
        </a:dk2>
        <a:lt2>
          <a:srgbClr val="9B6902"/>
        </a:lt2>
        <a:accent1>
          <a:srgbClr val="C75E00"/>
        </a:accent1>
        <a:accent2>
          <a:srgbClr val="FED416"/>
        </a:accent2>
        <a:accent3>
          <a:srgbClr val="FFFFFF"/>
        </a:accent3>
        <a:accent4>
          <a:srgbClr val="404040"/>
        </a:accent4>
        <a:accent5>
          <a:srgbClr val="E0B6AA"/>
        </a:accent5>
        <a:accent6>
          <a:srgbClr val="E6C013"/>
        </a:accent6>
        <a:hlink>
          <a:srgbClr val="EE6600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5">
        <a:dk1>
          <a:srgbClr val="4D4D4D"/>
        </a:dk1>
        <a:lt1>
          <a:srgbClr val="FFFFFF"/>
        </a:lt1>
        <a:dk2>
          <a:srgbClr val="000000"/>
        </a:dk2>
        <a:lt2>
          <a:srgbClr val="570301"/>
        </a:lt2>
        <a:accent1>
          <a:srgbClr val="D37E00"/>
        </a:accent1>
        <a:accent2>
          <a:srgbClr val="F5CB03"/>
        </a:accent2>
        <a:accent3>
          <a:srgbClr val="FFFFFF"/>
        </a:accent3>
        <a:accent4>
          <a:srgbClr val="404040"/>
        </a:accent4>
        <a:accent5>
          <a:srgbClr val="E6C0AA"/>
        </a:accent5>
        <a:accent6>
          <a:srgbClr val="DEB802"/>
        </a:accent6>
        <a:hlink>
          <a:srgbClr val="D86001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6">
        <a:dk1>
          <a:srgbClr val="4D4D4D"/>
        </a:dk1>
        <a:lt1>
          <a:srgbClr val="FFFFFF"/>
        </a:lt1>
        <a:dk2>
          <a:srgbClr val="000000"/>
        </a:dk2>
        <a:lt2>
          <a:srgbClr val="713C0C"/>
        </a:lt2>
        <a:accent1>
          <a:srgbClr val="E4B058"/>
        </a:accent1>
        <a:accent2>
          <a:srgbClr val="FDD912"/>
        </a:accent2>
        <a:accent3>
          <a:srgbClr val="FFFFFF"/>
        </a:accent3>
        <a:accent4>
          <a:srgbClr val="404040"/>
        </a:accent4>
        <a:accent5>
          <a:srgbClr val="EFD4B4"/>
        </a:accent5>
        <a:accent6>
          <a:srgbClr val="E5C40F"/>
        </a:accent6>
        <a:hlink>
          <a:srgbClr val="E06301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7">
        <a:dk1>
          <a:srgbClr val="4D4D4D"/>
        </a:dk1>
        <a:lt1>
          <a:srgbClr val="FFFFFF"/>
        </a:lt1>
        <a:dk2>
          <a:srgbClr val="000000"/>
        </a:dk2>
        <a:lt2>
          <a:srgbClr val="953900"/>
        </a:lt2>
        <a:accent1>
          <a:srgbClr val="B65300"/>
        </a:accent1>
        <a:accent2>
          <a:srgbClr val="CE6A00"/>
        </a:accent2>
        <a:accent3>
          <a:srgbClr val="FFFFFF"/>
        </a:accent3>
        <a:accent4>
          <a:srgbClr val="404040"/>
        </a:accent4>
        <a:accent5>
          <a:srgbClr val="D7B3AA"/>
        </a:accent5>
        <a:accent6>
          <a:srgbClr val="BA5F00"/>
        </a:accent6>
        <a:hlink>
          <a:srgbClr val="F0A806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8">
        <a:dk1>
          <a:srgbClr val="4D4D4D"/>
        </a:dk1>
        <a:lt1>
          <a:srgbClr val="FFFFFF"/>
        </a:lt1>
        <a:dk2>
          <a:srgbClr val="000000"/>
        </a:dk2>
        <a:lt2>
          <a:srgbClr val="D87200"/>
        </a:lt2>
        <a:accent1>
          <a:srgbClr val="E29B07"/>
        </a:accent1>
        <a:accent2>
          <a:srgbClr val="EDBF03"/>
        </a:accent2>
        <a:accent3>
          <a:srgbClr val="FFFFFF"/>
        </a:accent3>
        <a:accent4>
          <a:srgbClr val="404040"/>
        </a:accent4>
        <a:accent5>
          <a:srgbClr val="EECBAA"/>
        </a:accent5>
        <a:accent6>
          <a:srgbClr val="D7AD02"/>
        </a:accent6>
        <a:hlink>
          <a:srgbClr val="7CA43F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9">
        <a:dk1>
          <a:srgbClr val="4D4D4D"/>
        </a:dk1>
        <a:lt1>
          <a:srgbClr val="FFFFFF"/>
        </a:lt1>
        <a:dk2>
          <a:srgbClr val="000000"/>
        </a:dk2>
        <a:lt2>
          <a:srgbClr val="D24D06"/>
        </a:lt2>
        <a:accent1>
          <a:srgbClr val="E59709"/>
        </a:accent1>
        <a:accent2>
          <a:srgbClr val="E9AC24"/>
        </a:accent2>
        <a:accent3>
          <a:srgbClr val="FFFFFF"/>
        </a:accent3>
        <a:accent4>
          <a:srgbClr val="404040"/>
        </a:accent4>
        <a:accent5>
          <a:srgbClr val="F0C9AA"/>
        </a:accent5>
        <a:accent6>
          <a:srgbClr val="D39B20"/>
        </a:accent6>
        <a:hlink>
          <a:srgbClr val="F7B80B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10">
        <a:dk1>
          <a:srgbClr val="4D4D4D"/>
        </a:dk1>
        <a:lt1>
          <a:srgbClr val="FFFFFF"/>
        </a:lt1>
        <a:dk2>
          <a:srgbClr val="000000"/>
        </a:dk2>
        <a:lt2>
          <a:srgbClr val="CD5003"/>
        </a:lt2>
        <a:accent1>
          <a:srgbClr val="419DCF"/>
        </a:accent1>
        <a:accent2>
          <a:srgbClr val="BC1F1F"/>
        </a:accent2>
        <a:accent3>
          <a:srgbClr val="FFFFFF"/>
        </a:accent3>
        <a:accent4>
          <a:srgbClr val="404040"/>
        </a:accent4>
        <a:accent5>
          <a:srgbClr val="B0CCE4"/>
        </a:accent5>
        <a:accent6>
          <a:srgbClr val="AA1B1B"/>
        </a:accent6>
        <a:hlink>
          <a:srgbClr val="FFE42F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11">
        <a:dk1>
          <a:srgbClr val="4D4D4D"/>
        </a:dk1>
        <a:lt1>
          <a:srgbClr val="FFFFFF"/>
        </a:lt1>
        <a:dk2>
          <a:srgbClr val="000000"/>
        </a:dk2>
        <a:lt2>
          <a:srgbClr val="DF2905"/>
        </a:lt2>
        <a:accent1>
          <a:srgbClr val="D05203"/>
        </a:accent1>
        <a:accent2>
          <a:srgbClr val="72A3E1"/>
        </a:accent2>
        <a:accent3>
          <a:srgbClr val="FFFFFF"/>
        </a:accent3>
        <a:accent4>
          <a:srgbClr val="404040"/>
        </a:accent4>
        <a:accent5>
          <a:srgbClr val="E4B3AA"/>
        </a:accent5>
        <a:accent6>
          <a:srgbClr val="6793CC"/>
        </a:accent6>
        <a:hlink>
          <a:srgbClr val="F3A105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emplate</Template>
  <TotalTime>448</TotalTime>
  <Words>536</Words>
  <Application>Microsoft Office PowerPoint</Application>
  <PresentationFormat>On-screen Show (4:3)</PresentationFormat>
  <Paragraphs>143</Paragraphs>
  <Slides>1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rial</vt:lpstr>
      <vt:lpstr>Calibri</vt:lpstr>
      <vt:lpstr>Cordia New</vt:lpstr>
      <vt:lpstr>TH Sarabun New</vt:lpstr>
      <vt:lpstr>template</vt:lpstr>
      <vt:lpstr>Movie recommendation system  based on user rating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-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ovie recommendation system based on user rating</dc:title>
  <dc:creator>Piyawat Pemwattana</dc:creator>
  <cp:lastModifiedBy>Piyawat Pemwattana</cp:lastModifiedBy>
  <cp:revision>62</cp:revision>
  <dcterms:created xsi:type="dcterms:W3CDTF">2017-09-02T09:23:00Z</dcterms:created>
  <dcterms:modified xsi:type="dcterms:W3CDTF">2017-09-03T15:33:11Z</dcterms:modified>
</cp:coreProperties>
</file>